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file-sv33\user\s12765\デスクトップ\"/>
    </mc:Choice>
  </mc:AlternateContent>
  <bookViews>
    <workbookView xWindow="0" yWindow="0" windowWidth="19368" windowHeight="8736" tabRatio="935"/>
  </bookViews>
  <sheets>
    <sheet name="別紙１－３" sheetId="408" r:id="rId1"/>
    <sheet name="備考（1－3）" sheetId="415" r:id="rId2"/>
    <sheet name="別紙●24" sheetId="66" state="hidden" r:id="rId3"/>
  </sheets>
  <externalReferences>
    <externalReference r:id="rId4"/>
    <externalReference r:id="rId5"/>
    <externalReference r:id="rId6"/>
  </externalReferences>
  <definedNames>
    <definedName name="ｋ" localSheetId="0">#REF!</definedName>
    <definedName name="ｋ">#N/A</definedName>
    <definedName name="_xlnm.Print_Area" localSheetId="1">'備考（1－3）'!$A$1:$I$44</definedName>
    <definedName name="_xlnm.Print_Area" localSheetId="2">#N/A</definedName>
    <definedName name="_xlnm.Print_Area" localSheetId="0">'別紙１－３'!$A$1:$AF$285</definedName>
    <definedName name="サービス種別">[1]サービス種類一覧!$B$4:$B$20</definedName>
    <definedName name="サービス種類">[2]サービス種類一覧!$C$4:$C$20</definedName>
    <definedName name="サービス名" localSheetId="0">#REF!</definedName>
    <definedName name="サービス名">#N/A</definedName>
    <definedName name="サービス名称" localSheetId="0">#REF!</definedName>
    <definedName name="サービス名称">#N/A</definedName>
    <definedName name="だだ" localSheetId="0">#REF!</definedName>
    <definedName name="だだ">#N/A</definedName>
    <definedName name="っっｋ" localSheetId="0">#REF!</definedName>
    <definedName name="っっｋ">#N/A</definedName>
    <definedName name="っっっっｌ" localSheetId="0">#REF!</definedName>
    <definedName name="っっっっｌ">#N/A</definedName>
    <definedName name="確認" localSheetId="0">#REF!</definedName>
    <definedName name="確認">#N/A</definedName>
    <definedName name="種類">[3]サービス種類一覧!$A$4:$A$20</definedName>
  </definedNames>
  <calcPr calcId="162913"/>
</workbook>
</file>

<file path=xl/sharedStrings.xml><?xml version="1.0" encoding="utf-8"?>
<sst xmlns="http://schemas.openxmlformats.org/spreadsheetml/2006/main" count="1974" uniqueCount="330">
  <si>
    <t>（指定を受けている場合）</t>
    <rPh sb="1" eb="3">
      <t>シテイ</t>
    </rPh>
    <rPh sb="4" eb="5">
      <t>ウ</t>
    </rPh>
    <rPh sb="9" eb="11">
      <t>バアイ</t>
    </rPh>
    <phoneticPr fontId="1"/>
  </si>
  <si>
    <t>施設等の区分</t>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1"/>
  </si>
  <si>
    <t>日</t>
    <rPh sb="0" eb="1">
      <t>ヒ</t>
    </rPh>
    <phoneticPr fontId="1"/>
  </si>
  <si>
    <t>月</t>
    <rPh sb="0" eb="1">
      <t>ツキ</t>
    </rPh>
    <phoneticPr fontId="1"/>
  </si>
  <si>
    <t>年月日</t>
    <rPh sb="0" eb="3">
      <t>ネンガッピ</t>
    </rPh>
    <phoneticPr fontId="1"/>
  </si>
  <si>
    <t>(※変更の場合)</t>
    <rPh sb="2" eb="4">
      <t>ヘンコウ</t>
    </rPh>
    <rPh sb="5" eb="7">
      <t>バアイ</t>
    </rPh>
    <phoneticPr fontId="1"/>
  </si>
  <si>
    <t>変　更　後</t>
    <rPh sb="4" eb="5">
      <t>ゴ</t>
    </rPh>
    <phoneticPr fontId="1"/>
  </si>
  <si>
    <t>年</t>
    <rPh sb="0" eb="1">
      <t>ネン</t>
    </rPh>
    <phoneticPr fontId="1"/>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1"/>
  </si>
  <si>
    <t>介護給付費算定に係る体制等に関する進達書＜基準該当事業者用＞</t>
    <rPh sb="17" eb="19">
      <t>シンタツ</t>
    </rPh>
    <rPh sb="21" eb="23">
      <t>キジュン</t>
    </rPh>
    <rPh sb="23" eb="25">
      <t>ガイトウ</t>
    </rPh>
    <rPh sb="25" eb="28">
      <t>ジギョウシャ</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届出を行う事業所の状況</t>
    <rPh sb="9" eb="11">
      <t>ジョウキョウ</t>
    </rPh>
    <phoneticPr fontId="1"/>
  </si>
  <si>
    <t>居宅介護支援</t>
    <rPh sb="0" eb="2">
      <t>キョタク</t>
    </rPh>
    <rPh sb="2" eb="4">
      <t>カイゴ</t>
    </rPh>
    <rPh sb="4" eb="6">
      <t>シエン</t>
    </rPh>
    <phoneticPr fontId="1"/>
  </si>
  <si>
    <t>登録年</t>
    <rPh sb="0" eb="2">
      <t>トウロク</t>
    </rPh>
    <rPh sb="2" eb="3">
      <t>ネン</t>
    </rPh>
    <phoneticPr fontId="1"/>
  </si>
  <si>
    <t>月日</t>
    <rPh sb="0" eb="2">
      <t>ガッピ</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既に指定等を受けている事業</t>
    <rPh sb="0" eb="1">
      <t>スデ</t>
    </rPh>
    <rPh sb="2" eb="4">
      <t>シテイ</t>
    </rPh>
    <rPh sb="4" eb="5">
      <t>トウ</t>
    </rPh>
    <rPh sb="6" eb="7">
      <t>ウ</t>
    </rPh>
    <rPh sb="11" eb="13">
      <t>ジギョウ</t>
    </rPh>
    <phoneticPr fontId="1"/>
  </si>
  <si>
    <t>市町村が定める率</t>
    <rPh sb="0" eb="3">
      <t>シチョウソン</t>
    </rPh>
    <rPh sb="4" eb="5">
      <t>サダ</t>
    </rPh>
    <rPh sb="7" eb="8">
      <t>リツ</t>
    </rPh>
    <phoneticPr fontId="1"/>
  </si>
  <si>
    <t>(市町村記載)</t>
    <rPh sb="1" eb="4">
      <t>シチョウソン</t>
    </rPh>
    <rPh sb="4" eb="6">
      <t>キサイ</t>
    </rPh>
    <phoneticPr fontId="1"/>
  </si>
  <si>
    <t>備考1　「受付番号」欄には記載しないでください。</t>
    <rPh sb="7" eb="9">
      <t>バンゴウ</t>
    </rPh>
    <phoneticPr fontId="1"/>
  </si>
  <si>
    <t>法人である場合その種別</t>
    <rPh sb="5" eb="7">
      <t>バアイ</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異動（予定）</t>
    <phoneticPr fontId="1"/>
  </si>
  <si>
    <t>異動項目</t>
    <phoneticPr fontId="1"/>
  </si>
  <si>
    <t xml:space="preserve"> 1新規　2変更　3終了</t>
    <phoneticPr fontId="1"/>
  </si>
  <si>
    <t>　　4　「実施事業」欄は、該当する欄に「〇」を記入してください。</t>
    <phoneticPr fontId="1"/>
  </si>
  <si>
    <t>　　6　「異動項目」欄には、(別紙1，1－2)「介護給付費算定に係る体制等状況一覧表」に掲げる項目を記載してください。</t>
    <phoneticPr fontId="1"/>
  </si>
  <si>
    <t>％</t>
    <phoneticPr fontId="1"/>
  </si>
  <si>
    <t>　　8　「特記事項」欄には、異動の状況について具体的に記載してください。</t>
    <phoneticPr fontId="1"/>
  </si>
  <si>
    <t>市町村長名</t>
    <rPh sb="0" eb="3">
      <t>シチョウソン</t>
    </rPh>
    <rPh sb="3" eb="4">
      <t>チョウ</t>
    </rPh>
    <rPh sb="4" eb="5">
      <t>メイ</t>
    </rPh>
    <phoneticPr fontId="1"/>
  </si>
  <si>
    <t>介護予防訪問介護</t>
    <rPh sb="0" eb="2">
      <t>カイゴ</t>
    </rPh>
    <rPh sb="2" eb="4">
      <t>ヨボウ</t>
    </rPh>
    <phoneticPr fontId="1"/>
  </si>
  <si>
    <t>介護予防訪問入浴介護</t>
    <rPh sb="0" eb="2">
      <t>カイゴ</t>
    </rPh>
    <rPh sb="2" eb="4">
      <t>ヨボウ</t>
    </rPh>
    <phoneticPr fontId="1"/>
  </si>
  <si>
    <t>介護予防通所介護</t>
    <rPh sb="0" eb="2">
      <t>カイゴ</t>
    </rPh>
    <rPh sb="2" eb="4">
      <t>ヨボウ</t>
    </rPh>
    <phoneticPr fontId="1"/>
  </si>
  <si>
    <t>介護予防短期入所生活介護</t>
    <rPh sb="0" eb="2">
      <t>カイゴ</t>
    </rPh>
    <rPh sb="2" eb="4">
      <t>ヨボウ</t>
    </rPh>
    <phoneticPr fontId="1"/>
  </si>
  <si>
    <t>介護予防福祉用具貸与</t>
    <rPh sb="0" eb="2">
      <t>カイゴ</t>
    </rPh>
    <rPh sb="2" eb="4">
      <t>ヨボウ</t>
    </rPh>
    <phoneticPr fontId="1"/>
  </si>
  <si>
    <t>介護予防支援</t>
    <rPh sb="0" eb="2">
      <t>カイゴ</t>
    </rPh>
    <rPh sb="2" eb="4">
      <t>ヨボウ</t>
    </rPh>
    <rPh sb="4" eb="6">
      <t>シエン</t>
    </rPh>
    <phoneticPr fontId="1"/>
  </si>
  <si>
    <t>受付番号</t>
    <phoneticPr fontId="1"/>
  </si>
  <si>
    <t>　　知事　　殿</t>
    <phoneticPr fontId="1"/>
  </si>
  <si>
    <t>届　出　者</t>
    <phoneticPr fontId="1"/>
  </si>
  <si>
    <t>名　　称</t>
    <phoneticPr fontId="1"/>
  </si>
  <si>
    <t>　(郵便番号　　―　　　)</t>
    <phoneticPr fontId="1"/>
  </si>
  <si>
    <t>　　　　　県　　　　郡市</t>
    <phoneticPr fontId="1"/>
  </si>
  <si>
    <t>　(ビルの名称等)</t>
    <phoneticPr fontId="1"/>
  </si>
  <si>
    <t>連 絡 先</t>
    <phoneticPr fontId="1"/>
  </si>
  <si>
    <t>事業所の状況</t>
    <phoneticPr fontId="1"/>
  </si>
  <si>
    <t>同一所在地において行う　　　　　　　　　　　　　　　事業等の種類</t>
    <phoneticPr fontId="1"/>
  </si>
  <si>
    <t>変　更　前</t>
    <phoneticPr fontId="1"/>
  </si>
  <si>
    <t>　　5　「異動等の区分」欄には、今回届出を行う事業所について該当する数字に「〇」を記入してください。</t>
    <phoneticPr fontId="1"/>
  </si>
  <si>
    <t>提供サービス</t>
  </si>
  <si>
    <t>人員配置区分</t>
  </si>
  <si>
    <t>割 引</t>
  </si>
  <si>
    <t>各サービス共通</t>
  </si>
  <si>
    <t>地域区分</t>
  </si>
  <si>
    <t>ターミナルケア体制</t>
    <rPh sb="7" eb="9">
      <t>タイセイ</t>
    </rPh>
    <phoneticPr fontId="1"/>
  </si>
  <si>
    <t>職員の欠員による減算の状況</t>
  </si>
  <si>
    <t>時間延長サービス体制</t>
  </si>
  <si>
    <t>夜間勤務条件基準</t>
  </si>
  <si>
    <t>ユニットケア体制</t>
    <rPh sb="6" eb="8">
      <t>タイセイ</t>
    </rPh>
    <phoneticPr fontId="1"/>
  </si>
  <si>
    <t>準ユニットケア体制</t>
    <rPh sb="0" eb="1">
      <t>ジュン</t>
    </rPh>
    <rPh sb="7" eb="9">
      <t>タイセイ</t>
    </rPh>
    <phoneticPr fontId="1"/>
  </si>
  <si>
    <t>常勤専従医師配置</t>
  </si>
  <si>
    <t>精神科医師定期的療養指導</t>
  </si>
  <si>
    <t>看取り介護体制</t>
    <rPh sb="0" eb="2">
      <t>ミト</t>
    </rPh>
    <rPh sb="3" eb="5">
      <t>カイゴ</t>
    </rPh>
    <rPh sb="5" eb="7">
      <t>タイセイ</t>
    </rPh>
    <phoneticPr fontId="1"/>
  </si>
  <si>
    <t>在宅・入所相互利用体制</t>
    <rPh sb="0" eb="2">
      <t>ザイタク</t>
    </rPh>
    <rPh sb="3" eb="5">
      <t>ニュウショ</t>
    </rPh>
    <rPh sb="5" eb="7">
      <t>ソウゴ</t>
    </rPh>
    <rPh sb="7" eb="9">
      <t>リヨウ</t>
    </rPh>
    <rPh sb="9" eb="11">
      <t>タイセイ</t>
    </rPh>
    <phoneticPr fontId="1"/>
  </si>
  <si>
    <t>若年性認知症利用者受入加算</t>
    <rPh sb="6" eb="9">
      <t>リヨウシャ</t>
    </rPh>
    <rPh sb="9" eb="11">
      <t>ウケイレ</t>
    </rPh>
    <rPh sb="11" eb="13">
      <t>カサン</t>
    </rPh>
    <phoneticPr fontId="1"/>
  </si>
  <si>
    <t>夜勤職員配置加算</t>
    <rPh sb="0" eb="2">
      <t>ヤキン</t>
    </rPh>
    <rPh sb="2" eb="4">
      <t>ショクイン</t>
    </rPh>
    <rPh sb="4" eb="6">
      <t>ハイチ</t>
    </rPh>
    <rPh sb="6" eb="8">
      <t>カサン</t>
    </rPh>
    <phoneticPr fontId="1"/>
  </si>
  <si>
    <t>療養食加算</t>
    <rPh sb="0" eb="2">
      <t>リョウヨウ</t>
    </rPh>
    <rPh sb="2" eb="3">
      <t>ショク</t>
    </rPh>
    <rPh sb="3" eb="5">
      <t>カサン</t>
    </rPh>
    <phoneticPr fontId="1"/>
  </si>
  <si>
    <t>日常生活継続支援加算</t>
    <rPh sb="0" eb="2">
      <t>ニチジョウ</t>
    </rPh>
    <rPh sb="2" eb="4">
      <t>セイカツ</t>
    </rPh>
    <rPh sb="4" eb="6">
      <t>ケイゾク</t>
    </rPh>
    <rPh sb="6" eb="8">
      <t>シエン</t>
    </rPh>
    <rPh sb="8" eb="10">
      <t>カサン</t>
    </rPh>
    <phoneticPr fontId="1"/>
  </si>
  <si>
    <t>認知症専門ケア加算</t>
    <rPh sb="0" eb="3">
      <t>ニンチショウ</t>
    </rPh>
    <rPh sb="3" eb="5">
      <t>センモン</t>
    </rPh>
    <rPh sb="7" eb="9">
      <t>カサン</t>
    </rPh>
    <phoneticPr fontId="1"/>
  </si>
  <si>
    <t>サービス提供体制強化加算</t>
    <rPh sb="4" eb="6">
      <t>テイキョウ</t>
    </rPh>
    <rPh sb="6" eb="8">
      <t>タイセイ</t>
    </rPh>
    <rPh sb="8" eb="10">
      <t>キョウカ</t>
    </rPh>
    <rPh sb="10" eb="12">
      <t>カサン</t>
    </rPh>
    <phoneticPr fontId="1"/>
  </si>
  <si>
    <t>看取り介護加算</t>
    <rPh sb="0" eb="2">
      <t>ミト</t>
    </rPh>
    <rPh sb="3" eb="5">
      <t>カイゴ</t>
    </rPh>
    <rPh sb="5" eb="7">
      <t>カサン</t>
    </rPh>
    <phoneticPr fontId="1"/>
  </si>
  <si>
    <t>若年性認知症入所者受入加算</t>
    <rPh sb="0" eb="3">
      <t>ジャクネンセイ</t>
    </rPh>
    <rPh sb="3" eb="6">
      <t>ニンチショウ</t>
    </rPh>
    <rPh sb="6" eb="9">
      <t>ニュウショシャ</t>
    </rPh>
    <rPh sb="9" eb="11">
      <t>ウケイレ</t>
    </rPh>
    <rPh sb="11" eb="13">
      <t>カサン</t>
    </rPh>
    <phoneticPr fontId="1"/>
  </si>
  <si>
    <t>　　　適宜欄を補正して、全ての出張所等の状況について記載してください。</t>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9　「主たる事業所の所在地以外の場所で一部実施する場合の出張所等の所在地」について、複数の出張所等を有する場合は、</t>
    <phoneticPr fontId="1"/>
  </si>
  <si>
    <t>主たる事業所の所在地</t>
    <rPh sb="3" eb="6">
      <t>ジギョウショ</t>
    </rPh>
    <phoneticPr fontId="1"/>
  </si>
  <si>
    <t>　　3　「法人所轄庁」欄は、申請者が認可法人である場合に、その主務官庁の名称を記載してください。</t>
    <phoneticPr fontId="1"/>
  </si>
  <si>
    <t>認知症加算</t>
    <rPh sb="0" eb="3">
      <t>ニンチショウ</t>
    </rPh>
    <rPh sb="3" eb="5">
      <t>カサン</t>
    </rPh>
    <phoneticPr fontId="1"/>
  </si>
  <si>
    <t>（別紙●）</t>
    <rPh sb="1" eb="3">
      <t>ベッシ</t>
    </rPh>
    <phoneticPr fontId="1"/>
  </si>
  <si>
    <t>特別地域加算</t>
    <rPh sb="0" eb="2">
      <t>トクベツ</t>
    </rPh>
    <rPh sb="2" eb="4">
      <t>チイキ</t>
    </rPh>
    <rPh sb="4" eb="6">
      <t>カサン</t>
    </rPh>
    <phoneticPr fontId="1"/>
  </si>
  <si>
    <t>生活相談員配置等加算</t>
    <rPh sb="0" eb="2">
      <t>セイカツ</t>
    </rPh>
    <rPh sb="2" eb="5">
      <t>ソウダンイン</t>
    </rPh>
    <rPh sb="5" eb="7">
      <t>ハイチ</t>
    </rPh>
    <rPh sb="7" eb="8">
      <t>トウ</t>
    </rPh>
    <rPh sb="8" eb="10">
      <t>カサン</t>
    </rPh>
    <phoneticPr fontId="1"/>
  </si>
  <si>
    <t>共生型サービスの提供
（生活介護事業所）</t>
    <rPh sb="0" eb="3">
      <t>キョウセイガタ</t>
    </rPh>
    <rPh sb="8" eb="10">
      <t>テイキョウ</t>
    </rPh>
    <rPh sb="16" eb="18">
      <t>ジギョウ</t>
    </rPh>
    <rPh sb="18" eb="19">
      <t>ショ</t>
    </rPh>
    <phoneticPr fontId="1"/>
  </si>
  <si>
    <t>共生型サービスの提供
（自立訓練事業所）</t>
    <rPh sb="0" eb="3">
      <t>キョウセイガタ</t>
    </rPh>
    <rPh sb="8" eb="10">
      <t>テイキョウ</t>
    </rPh>
    <rPh sb="16" eb="19">
      <t>ジギョウショ</t>
    </rPh>
    <phoneticPr fontId="1"/>
  </si>
  <si>
    <t>共生型サービスの提供
（児童発達支援事業所）</t>
    <rPh sb="0" eb="3">
      <t>キョウセイガタ</t>
    </rPh>
    <rPh sb="8" eb="10">
      <t>テイキョウ</t>
    </rPh>
    <rPh sb="18" eb="20">
      <t>ジギョウ</t>
    </rPh>
    <rPh sb="20" eb="21">
      <t>ショ</t>
    </rPh>
    <phoneticPr fontId="1"/>
  </si>
  <si>
    <t>共生型サービスの提供
（放課後等デイサービス事業所）</t>
    <rPh sb="0" eb="3">
      <t>キョウセイガタ</t>
    </rPh>
    <rPh sb="8" eb="10">
      <t>テイキョウ</t>
    </rPh>
    <rPh sb="22" eb="25">
      <t>ジギョウショ</t>
    </rPh>
    <phoneticPr fontId="1"/>
  </si>
  <si>
    <t>配置医師緊急時対応加算</t>
    <rPh sb="6" eb="7">
      <t>ジ</t>
    </rPh>
    <phoneticPr fontId="1"/>
  </si>
  <si>
    <t>看護体制加算Ⅰ</t>
    <rPh sb="0" eb="2">
      <t>カンゴ</t>
    </rPh>
    <rPh sb="2" eb="4">
      <t>タイセイ</t>
    </rPh>
    <rPh sb="4" eb="6">
      <t>カサン</t>
    </rPh>
    <phoneticPr fontId="1"/>
  </si>
  <si>
    <t>看護体制加算Ⅱ</t>
    <rPh sb="0" eb="2">
      <t>カンゴ</t>
    </rPh>
    <rPh sb="2" eb="4">
      <t>タイセイ</t>
    </rPh>
    <rPh sb="4" eb="6">
      <t>カサン</t>
    </rPh>
    <phoneticPr fontId="1"/>
  </si>
  <si>
    <t>職員の欠員による減算の状況</t>
    <phoneticPr fontId="1"/>
  </si>
  <si>
    <t>生活機能向上連携加算</t>
    <phoneticPr fontId="1"/>
  </si>
  <si>
    <t>身体拘束廃止取組の有無</t>
    <phoneticPr fontId="1"/>
  </si>
  <si>
    <t>中重度者ケア体制加算</t>
    <phoneticPr fontId="1"/>
  </si>
  <si>
    <t>ADL維持等加算〔申出〕の有無</t>
    <phoneticPr fontId="1"/>
  </si>
  <si>
    <t>褥瘡マネジメント加算</t>
    <phoneticPr fontId="1"/>
  </si>
  <si>
    <t>特別地域加算</t>
    <phoneticPr fontId="2"/>
  </si>
  <si>
    <t>科学的介護推進体制加算</t>
    <rPh sb="0" eb="3">
      <t>カガクテキ</t>
    </rPh>
    <rPh sb="3" eb="5">
      <t>カイゴ</t>
    </rPh>
    <rPh sb="5" eb="7">
      <t>スイシン</t>
    </rPh>
    <rPh sb="7" eb="9">
      <t>タイセイ</t>
    </rPh>
    <rPh sb="9" eb="11">
      <t>カサン</t>
    </rPh>
    <phoneticPr fontId="1"/>
  </si>
  <si>
    <t>排せつ支援加算</t>
    <rPh sb="0" eb="1">
      <t>ハイ</t>
    </rPh>
    <rPh sb="3" eb="5">
      <t>シエン</t>
    </rPh>
    <rPh sb="5" eb="7">
      <t>カサン</t>
    </rPh>
    <phoneticPr fontId="1"/>
  </si>
  <si>
    <t>栄養マネジメント強化体制</t>
    <rPh sb="0" eb="2">
      <t>エイヨウ</t>
    </rPh>
    <rPh sb="8" eb="10">
      <t>キョウカ</t>
    </rPh>
    <rPh sb="10" eb="12">
      <t>タイセイ</t>
    </rPh>
    <phoneticPr fontId="1"/>
  </si>
  <si>
    <t>安全管理体制</t>
    <rPh sb="0" eb="2">
      <t>アンゼン</t>
    </rPh>
    <rPh sb="2" eb="4">
      <t>カンリ</t>
    </rPh>
    <rPh sb="4" eb="6">
      <t>タイセイ</t>
    </rPh>
    <phoneticPr fontId="1"/>
  </si>
  <si>
    <t>栄養ケア・マネジメントの
実施の有無</t>
    <rPh sb="0" eb="2">
      <t>エイヨウ</t>
    </rPh>
    <rPh sb="13" eb="15">
      <t>ジッシ</t>
    </rPh>
    <rPh sb="16" eb="18">
      <t>ウム</t>
    </rPh>
    <phoneticPr fontId="1"/>
  </si>
  <si>
    <t>個別機能訓練加算</t>
    <phoneticPr fontId="1"/>
  </si>
  <si>
    <t>口腔機能向上加算</t>
    <rPh sb="6" eb="8">
      <t>カサン</t>
    </rPh>
    <phoneticPr fontId="1"/>
  </si>
  <si>
    <t>安全対策体制</t>
    <rPh sb="0" eb="2">
      <t>アンゼン</t>
    </rPh>
    <rPh sb="2" eb="4">
      <t>タイサク</t>
    </rPh>
    <rPh sb="4" eb="6">
      <t>タイセイ</t>
    </rPh>
    <phoneticPr fontId="1"/>
  </si>
  <si>
    <t>感染症又は災害の発生を理由とする利用者数の減少が一定以上生じている場合の対応</t>
    <phoneticPr fontId="1"/>
  </si>
  <si>
    <t>自立支援促進加算</t>
    <rPh sb="0" eb="2">
      <t>ジリツ</t>
    </rPh>
    <rPh sb="2" eb="4">
      <t>シエン</t>
    </rPh>
    <rPh sb="4" eb="6">
      <t>ソクシン</t>
    </rPh>
    <rPh sb="6" eb="8">
      <t>カサン</t>
    </rPh>
    <phoneticPr fontId="1"/>
  </si>
  <si>
    <t>LIFEへの登録</t>
    <rPh sb="6" eb="8">
      <t>トウロク</t>
    </rPh>
    <phoneticPr fontId="1"/>
  </si>
  <si>
    <t>入浴介助加算</t>
    <phoneticPr fontId="1"/>
  </si>
  <si>
    <t>テクノロジーの導入
（夜勤職員配置加算関係）</t>
    <rPh sb="7" eb="9">
      <t>ドウニュウ</t>
    </rPh>
    <rPh sb="11" eb="13">
      <t>ヤキン</t>
    </rPh>
    <rPh sb="13" eb="15">
      <t>ショクイン</t>
    </rPh>
    <rPh sb="15" eb="17">
      <t>ハイチ</t>
    </rPh>
    <rPh sb="17" eb="19">
      <t>カサン</t>
    </rPh>
    <rPh sb="19" eb="21">
      <t>カンケイ</t>
    </rPh>
    <phoneticPr fontId="1"/>
  </si>
  <si>
    <t>個別機能訓練加算</t>
    <rPh sb="0" eb="2">
      <t>コベツ</t>
    </rPh>
    <rPh sb="6" eb="8">
      <t>カサン</t>
    </rPh>
    <phoneticPr fontId="1"/>
  </si>
  <si>
    <t>栄養アセスメント・栄養改善体制</t>
    <phoneticPr fontId="1"/>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1"/>
  </si>
  <si>
    <t>１　１級地</t>
  </si>
  <si>
    <t>６　２級地</t>
  </si>
  <si>
    <t>７　３級地</t>
  </si>
  <si>
    <t>２　４級地</t>
  </si>
  <si>
    <t>３　５級地</t>
  </si>
  <si>
    <t>４　６級地</t>
  </si>
  <si>
    <t>９　７級地</t>
  </si>
  <si>
    <t>５　その他</t>
  </si>
  <si>
    <t>１　なし</t>
  </si>
  <si>
    <t>１ なし</t>
    <phoneticPr fontId="1"/>
  </si>
  <si>
    <t>２ 加算Ⅰ</t>
    <phoneticPr fontId="1"/>
  </si>
  <si>
    <t>３ 加算Ⅱ</t>
    <phoneticPr fontId="1"/>
  </si>
  <si>
    <t>４ 加算Ⅲ</t>
    <phoneticPr fontId="1"/>
  </si>
  <si>
    <t>２　あり</t>
  </si>
  <si>
    <t>１　非該当</t>
    <phoneticPr fontId="1"/>
  </si>
  <si>
    <t>２　該当</t>
  </si>
  <si>
    <t>６ 加算Ⅰ</t>
    <phoneticPr fontId="1"/>
  </si>
  <si>
    <t>５ 加算Ⅱ</t>
    <phoneticPr fontId="1"/>
  </si>
  <si>
    <t>１ 対応不可</t>
    <rPh sb="2" eb="4">
      <t>タイオウ</t>
    </rPh>
    <rPh sb="4" eb="6">
      <t>フカ</t>
    </rPh>
    <phoneticPr fontId="1"/>
  </si>
  <si>
    <t>２ 対応可</t>
    <phoneticPr fontId="1"/>
  </si>
  <si>
    <t>２ あり</t>
    <phoneticPr fontId="1"/>
  </si>
  <si>
    <t>３ 加算Ⅰ</t>
    <phoneticPr fontId="1"/>
  </si>
  <si>
    <t>２ 加算Ⅱ</t>
    <phoneticPr fontId="1"/>
  </si>
  <si>
    <t>４ 加算Ⅱ</t>
    <phoneticPr fontId="1"/>
  </si>
  <si>
    <t>２ 看護職員</t>
    <rPh sb="2" eb="4">
      <t>カンゴ</t>
    </rPh>
    <rPh sb="4" eb="6">
      <t>ショクイン</t>
    </rPh>
    <phoneticPr fontId="1"/>
  </si>
  <si>
    <t>３ 介護職員</t>
    <rPh sb="2" eb="4">
      <t>カイゴ</t>
    </rPh>
    <rPh sb="4" eb="6">
      <t>ショクイン</t>
    </rPh>
    <phoneticPr fontId="1"/>
  </si>
  <si>
    <t>７ 加算Ⅲ</t>
    <phoneticPr fontId="1"/>
  </si>
  <si>
    <t>２ 加算Ⅰイ</t>
    <phoneticPr fontId="1"/>
  </si>
  <si>
    <t>３ 加算Ⅰロ</t>
    <phoneticPr fontId="1"/>
  </si>
  <si>
    <t>５ 加算Ⅰ</t>
    <phoneticPr fontId="1"/>
  </si>
  <si>
    <t>６ 加算Ⅲ</t>
    <phoneticPr fontId="1"/>
  </si>
  <si>
    <t>１ 基準型</t>
    <rPh sb="2" eb="4">
      <t>キジュン</t>
    </rPh>
    <rPh sb="4" eb="5">
      <t>ガタ</t>
    </rPh>
    <phoneticPr fontId="1"/>
  </si>
  <si>
    <t>６ 減算型</t>
    <rPh sb="2" eb="4">
      <t>ゲンサン</t>
    </rPh>
    <rPh sb="4" eb="5">
      <t>ガタ</t>
    </rPh>
    <phoneticPr fontId="1"/>
  </si>
  <si>
    <t>２ 加算Ⅰ・加算Ⅱ</t>
    <rPh sb="6" eb="8">
      <t>カサン</t>
    </rPh>
    <phoneticPr fontId="1"/>
  </si>
  <si>
    <t>１　単独型</t>
  </si>
  <si>
    <t>２ 減算型</t>
    <rPh sb="2" eb="4">
      <t>ゲンサン</t>
    </rPh>
    <rPh sb="4" eb="5">
      <t>ガタ</t>
    </rPh>
    <phoneticPr fontId="1"/>
  </si>
  <si>
    <t>２　Ⅱ型</t>
  </si>
  <si>
    <t>１　Ⅰ型</t>
  </si>
  <si>
    <t>□</t>
  </si>
  <si>
    <t>１ 減算型</t>
    <phoneticPr fontId="1"/>
  </si>
  <si>
    <t>２ 基準型</t>
    <rPh sb="2" eb="4">
      <t>キジュン</t>
    </rPh>
    <rPh sb="4" eb="5">
      <t>ガタ</t>
    </rPh>
    <phoneticPr fontId="1"/>
  </si>
  <si>
    <t>３ 加算Ⅲ・加算Ⅳ</t>
    <rPh sb="6" eb="8">
      <t>カサン</t>
    </rPh>
    <phoneticPr fontId="1"/>
  </si>
  <si>
    <t>高齢者虐待防止措置実施の有無</t>
    <phoneticPr fontId="1"/>
  </si>
  <si>
    <t>２ 基準型</t>
    <phoneticPr fontId="1"/>
  </si>
  <si>
    <t>口腔連携強化加算</t>
    <rPh sb="0" eb="2">
      <t>コウクウ</t>
    </rPh>
    <rPh sb="2" eb="4">
      <t>レンケイ</t>
    </rPh>
    <rPh sb="4" eb="6">
      <t>キョウカ</t>
    </rPh>
    <rPh sb="6" eb="8">
      <t>カサン</t>
    </rPh>
    <phoneticPr fontId="1"/>
  </si>
  <si>
    <t>７ 加算Ⅰ</t>
    <phoneticPr fontId="1"/>
  </si>
  <si>
    <t>８ 加算Ⅱ</t>
    <rPh sb="2" eb="4">
      <t>カサン</t>
    </rPh>
    <phoneticPr fontId="1"/>
  </si>
  <si>
    <t>９ 加算Ⅲ</t>
    <phoneticPr fontId="1"/>
  </si>
  <si>
    <t>Ａ 加算Ⅳ</t>
    <phoneticPr fontId="1"/>
  </si>
  <si>
    <t>専門管理加算</t>
    <rPh sb="0" eb="2">
      <t>センモン</t>
    </rPh>
    <rPh sb="2" eb="4">
      <t>カンリ</t>
    </rPh>
    <rPh sb="4" eb="6">
      <t>カサン</t>
    </rPh>
    <phoneticPr fontId="2"/>
  </si>
  <si>
    <t>遠隔死亡診断補助加算</t>
    <rPh sb="0" eb="2">
      <t>エンカク</t>
    </rPh>
    <rPh sb="2" eb="4">
      <t>シボウ</t>
    </rPh>
    <rPh sb="4" eb="6">
      <t>シンダン</t>
    </rPh>
    <rPh sb="6" eb="8">
      <t>ホジョ</t>
    </rPh>
    <rPh sb="8" eb="10">
      <t>カサン</t>
    </rPh>
    <phoneticPr fontId="2"/>
  </si>
  <si>
    <t>生産性向上推進体制加算</t>
    <phoneticPr fontId="1"/>
  </si>
  <si>
    <t>認知症チームケア推進加算</t>
    <phoneticPr fontId="1"/>
  </si>
  <si>
    <t>業務継続計画策定の有無</t>
    <phoneticPr fontId="1"/>
  </si>
  <si>
    <t>５ 加算Ⅲ</t>
    <rPh sb="2" eb="4">
      <t>カサン</t>
    </rPh>
    <phoneticPr fontId="1"/>
  </si>
  <si>
    <t>高齢者施設等感染対策向上加算Ⅰ</t>
    <phoneticPr fontId="1"/>
  </si>
  <si>
    <t>高齢者施設等感染対策向上加算Ⅱ</t>
    <phoneticPr fontId="1"/>
  </si>
  <si>
    <t>介護職員等処遇改善加算</t>
    <phoneticPr fontId="2"/>
  </si>
  <si>
    <t>そ　 　　の　 　　他　　 　該　　 　当　　 　す 　　　る 　　　体 　　　制 　　　等</t>
  </si>
  <si>
    <t>看護体制強化加算</t>
    <rPh sb="0" eb="2">
      <t>カンゴ</t>
    </rPh>
    <rPh sb="2" eb="4">
      <t>タイセイ</t>
    </rPh>
    <rPh sb="4" eb="6">
      <t>キョウカ</t>
    </rPh>
    <rPh sb="6" eb="8">
      <t>カサン</t>
    </rPh>
    <phoneticPr fontId="1"/>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若年性認知症利用者受入加算</t>
    <rPh sb="0" eb="3">
      <t>ジャクネンセイ</t>
    </rPh>
    <rPh sb="3" eb="6">
      <t>ニンチショウ</t>
    </rPh>
    <rPh sb="6" eb="9">
      <t>リヨウシャ</t>
    </rPh>
    <rPh sb="9" eb="11">
      <t>ウケイレ</t>
    </rPh>
    <rPh sb="11" eb="13">
      <t>カサン</t>
    </rPh>
    <phoneticPr fontId="1"/>
  </si>
  <si>
    <t>（別紙１－３）</t>
    <phoneticPr fontId="1"/>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1"/>
  </si>
  <si>
    <t>事 業 所 番 号</t>
    <phoneticPr fontId="1"/>
  </si>
  <si>
    <t>定期巡回・随時対応型</t>
    <phoneticPr fontId="1"/>
  </si>
  <si>
    <t>１　一体型</t>
  </si>
  <si>
    <t>訪問介護看護</t>
  </si>
  <si>
    <t>２　連携型</t>
  </si>
  <si>
    <t>緊急時訪問看護加算</t>
    <rPh sb="0" eb="3">
      <t>キンキュウジ</t>
    </rPh>
    <rPh sb="3" eb="5">
      <t>ホウモン</t>
    </rPh>
    <rPh sb="5" eb="7">
      <t>カンゴ</t>
    </rPh>
    <rPh sb="7" eb="9">
      <t>カサン</t>
    </rPh>
    <phoneticPr fontId="1"/>
  </si>
  <si>
    <r>
      <rPr>
        <sz val="11"/>
        <rFont val="HGSｺﾞｼｯｸM"/>
        <family val="3"/>
        <charset val="128"/>
      </rPr>
      <t xml:space="preserve">２ </t>
    </r>
    <r>
      <rPr>
        <sz val="11"/>
        <rFont val="HGSｺﾞｼｯｸM"/>
        <family val="3"/>
        <charset val="128"/>
      </rPr>
      <t>加算Ⅱ</t>
    </r>
    <phoneticPr fontId="1"/>
  </si>
  <si>
    <t>特別管理体制</t>
  </si>
  <si>
    <t>総合マネジメント体制強化加算</t>
    <rPh sb="0" eb="2">
      <t>ソウゴウ</t>
    </rPh>
    <rPh sb="8" eb="10">
      <t>タイセイ</t>
    </rPh>
    <rPh sb="10" eb="12">
      <t>キョウカ</t>
    </rPh>
    <rPh sb="12" eb="14">
      <t>カサン</t>
    </rPh>
    <phoneticPr fontId="1"/>
  </si>
  <si>
    <t>６ 加算Ⅰ（イの場合）</t>
    <rPh sb="8" eb="10">
      <t>バアイ</t>
    </rPh>
    <phoneticPr fontId="1"/>
  </si>
  <si>
    <t>７ 加算Ⅲ（イの場合）</t>
    <phoneticPr fontId="1"/>
  </si>
  <si>
    <t>時間延長サービス体制</t>
    <phoneticPr fontId="1"/>
  </si>
  <si>
    <t>地域密着型通所介護</t>
    <rPh sb="0" eb="2">
      <t>チイキ</t>
    </rPh>
    <rPh sb="2" eb="5">
      <t>ミッチャクガタ</t>
    </rPh>
    <rPh sb="5" eb="7">
      <t>ツウショ</t>
    </rPh>
    <rPh sb="7" eb="9">
      <t>カイゴ</t>
    </rPh>
    <phoneticPr fontId="1"/>
  </si>
  <si>
    <t>１　地域密着型通所介護事業所</t>
  </si>
  <si>
    <t>２　療養通所介護事業所</t>
  </si>
  <si>
    <t>３　療養通所介護事業所（短期利用型）</t>
    <phoneticPr fontId="1"/>
  </si>
  <si>
    <t>重度者ケア体制加算</t>
    <rPh sb="0" eb="2">
      <t>ジュウド</t>
    </rPh>
    <rPh sb="2" eb="3">
      <t>シャ</t>
    </rPh>
    <rPh sb="5" eb="7">
      <t>タイセイ</t>
    </rPh>
    <rPh sb="7" eb="9">
      <t>カサン</t>
    </rPh>
    <phoneticPr fontId="1"/>
  </si>
  <si>
    <t>５ 加算Ⅱ（イの場合）</t>
    <rPh sb="8" eb="10">
      <t>バアイ</t>
    </rPh>
    <phoneticPr fontId="1"/>
  </si>
  <si>
    <t>８ 加算Ⅲイ（ロの場合）</t>
    <phoneticPr fontId="1"/>
  </si>
  <si>
    <t>９ 加算Ⅲイ（ハの場合）</t>
    <phoneticPr fontId="1"/>
  </si>
  <si>
    <t>４ 加算Ⅲロ（ロの場合）</t>
    <phoneticPr fontId="1"/>
  </si>
  <si>
    <t>Ａ 加算Ⅲロ（ハの場合）</t>
    <phoneticPr fontId="1"/>
  </si>
  <si>
    <t>認知症対応型通所介護</t>
    <phoneticPr fontId="1"/>
  </si>
  <si>
    <t>２　併設型</t>
  </si>
  <si>
    <t>３　共用型</t>
  </si>
  <si>
    <t>ADL維持等加算〔申出〕の有無</t>
    <rPh sb="3" eb="5">
      <t>イジ</t>
    </rPh>
    <rPh sb="5" eb="6">
      <t>トウ</t>
    </rPh>
    <rPh sb="6" eb="8">
      <t>カサン</t>
    </rPh>
    <rPh sb="9" eb="11">
      <t>モウシデ</t>
    </rPh>
    <rPh sb="13" eb="15">
      <t>ウム</t>
    </rPh>
    <phoneticPr fontId="1"/>
  </si>
  <si>
    <t>職員の欠員による減算の状況</t>
    <rPh sb="0" eb="2">
      <t>ショクイン</t>
    </rPh>
    <rPh sb="3" eb="5">
      <t>ケツイン</t>
    </rPh>
    <rPh sb="8" eb="10">
      <t>ゲンサン</t>
    </rPh>
    <rPh sb="11" eb="13">
      <t>ジョウキョウ</t>
    </rPh>
    <phoneticPr fontId="1"/>
  </si>
  <si>
    <t>小規模多機能型居宅介護</t>
    <rPh sb="0" eb="3">
      <t>ショウキボ</t>
    </rPh>
    <rPh sb="3" eb="6">
      <t>タキノウ</t>
    </rPh>
    <rPh sb="6" eb="7">
      <t>ガタ</t>
    </rPh>
    <rPh sb="7" eb="9">
      <t>キョタク</t>
    </rPh>
    <rPh sb="9" eb="11">
      <t>カイゴ</t>
    </rPh>
    <phoneticPr fontId="1"/>
  </si>
  <si>
    <t>１　小規模多機能型居宅介護事業所</t>
  </si>
  <si>
    <t>２　サテライト型小規模多機能型</t>
  </si>
  <si>
    <t>若年性認知症利用者受入加算</t>
    <phoneticPr fontId="1"/>
  </si>
  <si>
    <t>　　居宅介護事業所</t>
  </si>
  <si>
    <t>看護職員配置加算</t>
    <rPh sb="0" eb="2">
      <t>カンゴ</t>
    </rPh>
    <rPh sb="2" eb="4">
      <t>ショクイン</t>
    </rPh>
    <rPh sb="4" eb="6">
      <t>ハイチ</t>
    </rPh>
    <rPh sb="6" eb="8">
      <t>カサン</t>
    </rPh>
    <phoneticPr fontId="1"/>
  </si>
  <si>
    <t>看取り連携体制加算</t>
    <rPh sb="0" eb="2">
      <t>ミト</t>
    </rPh>
    <rPh sb="7" eb="9">
      <t>カサン</t>
    </rPh>
    <phoneticPr fontId="1"/>
  </si>
  <si>
    <t>訪問体制強化加算</t>
    <rPh sb="0" eb="2">
      <t>ホウモン</t>
    </rPh>
    <rPh sb="2" eb="4">
      <t>タイセイ</t>
    </rPh>
    <rPh sb="4" eb="6">
      <t>キョウカ</t>
    </rPh>
    <rPh sb="6" eb="8">
      <t>カサン</t>
    </rPh>
    <phoneticPr fontId="1"/>
  </si>
  <si>
    <t>小規模多機能型居宅介護</t>
  </si>
  <si>
    <t>（短期利用型）</t>
  </si>
  <si>
    <t>２ 介護従業者</t>
    <rPh sb="2" eb="4">
      <t>カイゴ</t>
    </rPh>
    <rPh sb="4" eb="7">
      <t>ジュウギョウシャ</t>
    </rPh>
    <phoneticPr fontId="1"/>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1"/>
  </si>
  <si>
    <t>夜間支援体制加算</t>
    <rPh sb="0" eb="2">
      <t>ヤカン</t>
    </rPh>
    <rPh sb="2" eb="4">
      <t>シエン</t>
    </rPh>
    <rPh sb="4" eb="6">
      <t>タイセイ</t>
    </rPh>
    <rPh sb="6" eb="8">
      <t>カサン</t>
    </rPh>
    <phoneticPr fontId="1"/>
  </si>
  <si>
    <t>認知症対応型</t>
    <phoneticPr fontId="1"/>
  </si>
  <si>
    <t>共同生活介護</t>
    <phoneticPr fontId="1"/>
  </si>
  <si>
    <t>利用者の入院期間中の体制</t>
    <rPh sb="0" eb="3">
      <t>リヨウシャ</t>
    </rPh>
    <rPh sb="4" eb="6">
      <t>ニュウイン</t>
    </rPh>
    <rPh sb="6" eb="8">
      <t>キカン</t>
    </rPh>
    <rPh sb="8" eb="9">
      <t>チュウ</t>
    </rPh>
    <rPh sb="10" eb="12">
      <t>タイセイ</t>
    </rPh>
    <phoneticPr fontId="1"/>
  </si>
  <si>
    <t>３　 サテライト型Ⅰ型</t>
  </si>
  <si>
    <t>４ 　サテライト型Ⅱ型</t>
  </si>
  <si>
    <t>医療連携体制加算Ⅰ</t>
    <rPh sb="6" eb="8">
      <t>カサン</t>
    </rPh>
    <phoneticPr fontId="1"/>
  </si>
  <si>
    <t>４ 加算Ⅰイ</t>
    <phoneticPr fontId="1"/>
  </si>
  <si>
    <r>
      <t>３ 加算</t>
    </r>
    <r>
      <rPr>
        <sz val="11"/>
        <rFont val="HGSｺﾞｼｯｸM"/>
        <family val="3"/>
        <charset val="128"/>
      </rPr>
      <t>Ⅰロ</t>
    </r>
    <phoneticPr fontId="1"/>
  </si>
  <si>
    <t>２ 加算Ⅰハ</t>
    <phoneticPr fontId="1"/>
  </si>
  <si>
    <t>医療連携体制加算Ⅱ</t>
    <rPh sb="6" eb="8">
      <t>カサン</t>
    </rPh>
    <phoneticPr fontId="1"/>
  </si>
  <si>
    <t>４ 介護支援専門員</t>
    <rPh sb="2" eb="4">
      <t>カイゴ</t>
    </rPh>
    <rPh sb="4" eb="6">
      <t>シエン</t>
    </rPh>
    <rPh sb="6" eb="9">
      <t>センモンイン</t>
    </rPh>
    <phoneticPr fontId="1"/>
  </si>
  <si>
    <t>１　地域密着型介護老人福祉施設</t>
  </si>
  <si>
    <t>地域密着型</t>
  </si>
  <si>
    <t>２　サテライト型地域密着型</t>
  </si>
  <si>
    <t>１　経過的施設以外</t>
  </si>
  <si>
    <t>介護老人福祉施設</t>
  </si>
  <si>
    <t>　　介護老人福祉施設</t>
  </si>
  <si>
    <t>２　経過的施設</t>
  </si>
  <si>
    <t>入所者生活介護</t>
  </si>
  <si>
    <t>３　ユニット型地域密着型介護老人福祉施設</t>
  </si>
  <si>
    <t>４　サテライト型ユニット型</t>
  </si>
  <si>
    <t>　　地域密着型介護老人福祉施設</t>
  </si>
  <si>
    <t>障害者生活支援体制</t>
    <phoneticPr fontId="1"/>
  </si>
  <si>
    <t>小規模拠点集合体制</t>
    <rPh sb="0" eb="3">
      <t>ショウキボ</t>
    </rPh>
    <rPh sb="3" eb="5">
      <t>キョテン</t>
    </rPh>
    <rPh sb="5" eb="7">
      <t>シュウゴウ</t>
    </rPh>
    <rPh sb="7" eb="9">
      <t>タイセイ</t>
    </rPh>
    <phoneticPr fontId="1"/>
  </si>
  <si>
    <t>訪問看護体制減算</t>
    <rPh sb="0" eb="2">
      <t>ホウモン</t>
    </rPh>
    <rPh sb="2" eb="4">
      <t>カンゴ</t>
    </rPh>
    <rPh sb="4" eb="6">
      <t>タイセイ</t>
    </rPh>
    <rPh sb="6" eb="8">
      <t>ゲンザン</t>
    </rPh>
    <phoneticPr fontId="1"/>
  </si>
  <si>
    <t>サテライト体制</t>
    <rPh sb="5" eb="7">
      <t>タイセイ</t>
    </rPh>
    <phoneticPr fontId="1"/>
  </si>
  <si>
    <t>複合型サービス</t>
  </si>
  <si>
    <t>１　看護小規模多機能型居宅介護事業所</t>
  </si>
  <si>
    <t>（看護小規模多機能型</t>
  </si>
  <si>
    <t>２　サテライト型看護小規模多機能型</t>
  </si>
  <si>
    <r>
      <t>緊急時</t>
    </r>
    <r>
      <rPr>
        <sz val="11"/>
        <rFont val="HGSｺﾞｼｯｸM"/>
        <family val="3"/>
        <charset val="128"/>
      </rPr>
      <t>対応加算</t>
    </r>
    <rPh sb="3" eb="5">
      <t>タイオウ</t>
    </rPh>
    <phoneticPr fontId="1"/>
  </si>
  <si>
    <t>居宅介護）</t>
  </si>
  <si>
    <t>居宅介護・短期利用型）</t>
  </si>
  <si>
    <t>介護予防認知症対応型</t>
  </si>
  <si>
    <t>介護予防小規模多機能型</t>
    <phoneticPr fontId="1"/>
  </si>
  <si>
    <t>１　介護予防小規模多機能型居宅介護事業所</t>
  </si>
  <si>
    <t>居宅介護</t>
  </si>
  <si>
    <t>２　サテライト型介護予防小規模多機能型</t>
  </si>
  <si>
    <t>介護予防小規模多機能型</t>
  </si>
  <si>
    <t>共同生活介護</t>
  </si>
  <si>
    <t>利用者の入院期間中の体制</t>
    <rPh sb="0" eb="3">
      <t>リヨウシャ</t>
    </rPh>
    <rPh sb="4" eb="6">
      <t>ニュウイン</t>
    </rPh>
    <rPh sb="6" eb="9">
      <t>キカンチュウ</t>
    </rPh>
    <rPh sb="10" eb="12">
      <t>タイセイ</t>
    </rPh>
    <phoneticPr fontId="1"/>
  </si>
  <si>
    <t>　　　２ 「施設等の区分」及び「その他該当する体制等」欄で施設・設備等に係る加算（減算）の届出については、「平面図」（別紙６）を添付してください。</t>
  </si>
  <si>
    <t>備考　１　この表は、事業所所在地以外の場所で一部事業を実施する出張所等がある場合について記載することとし、複数出張所等を有する場合は出張所ごとに提出してください。</t>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1"/>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1"/>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1"/>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1"/>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1"/>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1"/>
  </si>
  <si>
    <t>　　　　　また、「認知症チームケア推進加算」については、「認知症チームケア推進加算に係る届出書」（別紙40）を添付してください。</t>
    <phoneticPr fontId="1"/>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1"/>
  </si>
  <si>
    <t>　　　10　「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夜間勤務条件基準」…夜勤を行う看護師（准看護師）と介護職員の配置状況　等</t>
    <phoneticPr fontId="1"/>
  </si>
  <si>
    <t>　　　11 「時間延長サービス体制」については、実際に利用者に対して延長サービスを行うことが可能な場合に記載してください。</t>
    <phoneticPr fontId="1"/>
  </si>
  <si>
    <t>　　　12 「生活相談員配置等加算」については、「生活相談員配置等加算に係る届出書」（別紙21）を添付してください。</t>
    <phoneticPr fontId="1"/>
  </si>
  <si>
    <t>　　　13 　「入浴介助加算」については、「浴室の平面図等」及び入浴介助加算（Ⅰ）の要件である研修を実施または、実施することが分かる資料等を添付してください。</t>
    <phoneticPr fontId="1"/>
  </si>
  <si>
    <t>　　　14 「中重度者ケア体制加算」については、「中重度者ケア体制加算に係る届出書」（別紙22）及び「利用者の割合に関する計算書」（別紙22-2）を添付してください。</t>
    <phoneticPr fontId="1"/>
  </si>
  <si>
    <t>　　　15   地域密着型通所介護の「認知症加算」については、「認知症加算に係る届出書」（別紙23）及び「利用者の割合に関する計算書」（別紙23-2）を、
　　　　　小規模多機能型居宅介護、複合型サービス（看護小規模多機能型居宅介護）の「認知症加算（Ⅰ）・（Ⅱ）」については、「認知症加算（Ⅰ）・（Ⅱ）に係る届出書」（別紙44）を添付してください。</t>
    <phoneticPr fontId="1"/>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1"/>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地域密着型特定施設入居者生活介護の「看取り介護加算」については、「看取り介護体制に係る届出書」（別紙34-2）を添付してください。</t>
    <phoneticPr fontId="1"/>
  </si>
  <si>
    <t>　　　19 「看取り連携体制加算」については、「看取り連携体制加算に係る届出書」（別紙13）を、「看取り介護加算」については、「看取り介護加算に係る届出書」（別紙47）を添付してください。</t>
    <rPh sb="7" eb="9">
      <t>ミト</t>
    </rPh>
    <rPh sb="10" eb="12">
      <t>レンケイ</t>
    </rPh>
    <rPh sb="12" eb="14">
      <t>タイセイ</t>
    </rPh>
    <rPh sb="54" eb="56">
      <t>カサン</t>
    </rPh>
    <phoneticPr fontId="1"/>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1"/>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1"/>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1"/>
  </si>
  <si>
    <t>　　　24 「職員の欠員による減算の状況」については、以下の要領で記載してください。</t>
    <phoneticPr fontId="1"/>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1"/>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28 「テクノロジーの導入」については、「テクノロジーの導入による日常生活継続支援加算に関する届出書」（別紙37-2）、「テクノロジーの導入による入居継続支援加算に関する届出書」（別紙32-2）、
　　　　  「テクノロジーの導入による夜勤職員配置加算に係る届出書」（別紙27）のいずれかを添付してください。</t>
    <rPh sb="14" eb="16">
      <t>ドウニュウ</t>
    </rPh>
    <rPh sb="93" eb="95">
      <t>ベッシ</t>
    </rPh>
    <phoneticPr fontId="1"/>
  </si>
  <si>
    <t>　　　29 「褥瘡マネジメント加算」については、「褥瘡マネジメントに関する届出書」（別紙41）を添付してください。</t>
    <rPh sb="7" eb="9">
      <t>ジョクソウ</t>
    </rPh>
    <rPh sb="15" eb="17">
      <t>カサン</t>
    </rPh>
    <rPh sb="25" eb="27">
      <t>ジョクソウ</t>
    </rPh>
    <rPh sb="34" eb="35">
      <t>カン</t>
    </rPh>
    <rPh sb="37" eb="40">
      <t>トドケデショ</t>
    </rPh>
    <phoneticPr fontId="1"/>
  </si>
  <si>
    <t>　　　30 「高齢者施設等感染対策向上加算Ⅰ」 「高齢者施設等感染対策向上加算Ⅱ」については、「高齢者施設等感染対策向上加算に係る届出書」（別紙35）を添付してください。</t>
    <phoneticPr fontId="1"/>
  </si>
  <si>
    <t>　　　31 「生産性向上推進体制加算」については、「生産性向上推進体制加算に係る届出書」（別紙28）を添付してください。</t>
    <phoneticPr fontId="1"/>
  </si>
  <si>
    <t xml:space="preserve">         32「口腔連携強化加算」については、「口腔連携強化加算に関する届出書」（別紙11）を添付してください。</t>
    <phoneticPr fontId="1"/>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1"/>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5" x14ac:knownFonts="1">
    <font>
      <sz val="11"/>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1"/>
      <name val="ＭＳ Ｐゴシック"/>
      <family val="3"/>
      <charset val="128"/>
    </font>
    <font>
      <sz val="16"/>
      <name val="HGSｺﾞｼｯｸM"/>
      <family val="3"/>
      <charset val="128"/>
    </font>
    <font>
      <strike/>
      <sz val="11"/>
      <name val="HGSｺﾞｼｯｸM"/>
      <family val="3"/>
      <charset val="128"/>
    </font>
    <font>
      <sz val="11"/>
      <name val="HGｺﾞｼｯｸM"/>
      <family val="3"/>
      <charset val="128"/>
    </font>
    <font>
      <b/>
      <sz val="12"/>
      <name val="HGSｺﾞｼｯｸM"/>
      <family val="3"/>
      <charset val="128"/>
    </font>
    <font>
      <strike/>
      <sz val="11"/>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HGSｺﾞｼｯｸM"/>
      <family val="3"/>
      <charset val="128"/>
    </font>
    <font>
      <sz val="11"/>
      <color theme="1"/>
      <name val="ＭＳ Ｐゴシック"/>
      <family val="3"/>
      <charset val="128"/>
    </font>
    <font>
      <strike/>
      <sz val="11"/>
      <color theme="1"/>
      <name val="HGSｺﾞｼｯｸM"/>
      <family val="3"/>
      <charset val="128"/>
    </font>
    <font>
      <strike/>
      <sz val="11"/>
      <color theme="1"/>
      <name val="游ゴシック Light"/>
      <family val="3"/>
      <charset val="128"/>
    </font>
    <font>
      <sz val="11"/>
      <color rgb="FFFF0000"/>
      <name val="ＭＳ Ｐゴシック"/>
      <family val="3"/>
      <charset val="128"/>
    </font>
  </fonts>
  <fills count="34">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s>
  <borders count="68">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dashed">
        <color indexed="64"/>
      </right>
      <top style="thin">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bottom style="thin">
        <color indexed="64"/>
      </bottom>
      <diagonal/>
    </border>
    <border>
      <left style="thin">
        <color indexed="64"/>
      </left>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style="thin">
        <color indexed="64"/>
      </top>
      <bottom style="dashed">
        <color indexed="64"/>
      </bottom>
      <diagonal/>
    </border>
    <border>
      <left style="dashed">
        <color indexed="64"/>
      </left>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right style="dotted">
        <color indexed="64"/>
      </right>
      <top style="thin">
        <color indexed="64"/>
      </top>
      <bottom style="dashed">
        <color indexed="64"/>
      </bottom>
      <diagonal/>
    </border>
    <border>
      <left style="dashed">
        <color indexed="64"/>
      </left>
      <right/>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dashed">
        <color indexed="64"/>
      </right>
      <top style="double">
        <color indexed="64"/>
      </top>
      <bottom style="thin">
        <color indexed="64"/>
      </bottom>
      <diagonal/>
    </border>
    <border>
      <left/>
      <right style="dashed">
        <color indexed="64"/>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3">
    <xf numFmtId="0" fontId="0" fillId="0" borderId="0"/>
    <xf numFmtId="0" fontId="12" fillId="4" borderId="0" applyNumberFormat="0" applyBorder="0" applyAlignment="0" applyProtection="0">
      <alignment vertical="center"/>
    </xf>
    <xf numFmtId="0" fontId="12" fillId="5" borderId="0" applyNumberFormat="0" applyBorder="0" applyAlignment="0" applyProtection="0">
      <alignment vertical="center"/>
    </xf>
    <xf numFmtId="0" fontId="12" fillId="6" borderId="0" applyNumberFormat="0" applyBorder="0" applyAlignment="0" applyProtection="0">
      <alignment vertical="center"/>
    </xf>
    <xf numFmtId="0" fontId="12" fillId="7" borderId="0" applyNumberFormat="0" applyBorder="0" applyAlignment="0" applyProtection="0">
      <alignment vertical="center"/>
    </xf>
    <xf numFmtId="0" fontId="12" fillId="8" borderId="0" applyNumberFormat="0" applyBorder="0" applyAlignment="0" applyProtection="0">
      <alignment vertical="center"/>
    </xf>
    <xf numFmtId="0" fontId="12" fillId="9"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12" borderId="0" applyNumberFormat="0" applyBorder="0" applyAlignment="0" applyProtection="0">
      <alignment vertical="center"/>
    </xf>
    <xf numFmtId="0" fontId="12" fillId="13"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3" fillId="16" borderId="0" applyNumberFormat="0" applyBorder="0" applyAlignment="0" applyProtection="0">
      <alignment vertical="center"/>
    </xf>
    <xf numFmtId="0" fontId="13" fillId="17" borderId="0" applyNumberFormat="0" applyBorder="0" applyAlignment="0" applyProtection="0">
      <alignment vertical="center"/>
    </xf>
    <xf numFmtId="0" fontId="13" fillId="18" borderId="0" applyNumberFormat="0" applyBorder="0" applyAlignment="0" applyProtection="0">
      <alignment vertical="center"/>
    </xf>
    <xf numFmtId="0" fontId="13" fillId="19" borderId="0" applyNumberFormat="0" applyBorder="0" applyAlignment="0" applyProtection="0">
      <alignment vertical="center"/>
    </xf>
    <xf numFmtId="0" fontId="13" fillId="20" borderId="0" applyNumberFormat="0" applyBorder="0" applyAlignment="0" applyProtection="0">
      <alignment vertical="center"/>
    </xf>
    <xf numFmtId="0" fontId="13" fillId="21" borderId="0" applyNumberFormat="0" applyBorder="0" applyAlignment="0" applyProtection="0">
      <alignment vertical="center"/>
    </xf>
    <xf numFmtId="0" fontId="13" fillId="22" borderId="0" applyNumberFormat="0" applyBorder="0" applyAlignment="0" applyProtection="0">
      <alignment vertical="center"/>
    </xf>
    <xf numFmtId="0" fontId="13" fillId="23" borderId="0" applyNumberFormat="0" applyBorder="0" applyAlignment="0" applyProtection="0">
      <alignment vertical="center"/>
    </xf>
    <xf numFmtId="0" fontId="13" fillId="24" borderId="0" applyNumberFormat="0" applyBorder="0" applyAlignment="0" applyProtection="0">
      <alignment vertical="center"/>
    </xf>
    <xf numFmtId="0" fontId="13" fillId="25" borderId="0" applyNumberFormat="0" applyBorder="0" applyAlignment="0" applyProtection="0">
      <alignment vertical="center"/>
    </xf>
    <xf numFmtId="0" fontId="13" fillId="26" borderId="0" applyNumberFormat="0" applyBorder="0" applyAlignment="0" applyProtection="0">
      <alignment vertical="center"/>
    </xf>
    <xf numFmtId="0" fontId="13" fillId="27" borderId="0" applyNumberFormat="0" applyBorder="0" applyAlignment="0" applyProtection="0">
      <alignment vertical="center"/>
    </xf>
    <xf numFmtId="0" fontId="14" fillId="0" borderId="0" applyNumberFormat="0" applyFill="0" applyBorder="0" applyAlignment="0" applyProtection="0">
      <alignment vertical="center"/>
    </xf>
    <xf numFmtId="0" fontId="15" fillId="28" borderId="59" applyNumberFormat="0" applyAlignment="0" applyProtection="0">
      <alignment vertical="center"/>
    </xf>
    <xf numFmtId="0" fontId="16" fillId="29" borderId="0" applyNumberFormat="0" applyBorder="0" applyAlignment="0" applyProtection="0">
      <alignment vertical="center"/>
    </xf>
    <xf numFmtId="9" fontId="17" fillId="0" borderId="0" applyFont="0" applyFill="0" applyBorder="0" applyAlignment="0" applyProtection="0">
      <alignment vertical="center"/>
    </xf>
    <xf numFmtId="9" fontId="17" fillId="0" borderId="0" applyFont="0" applyFill="0" applyBorder="0" applyAlignment="0" applyProtection="0">
      <alignment vertical="center"/>
    </xf>
    <xf numFmtId="9" fontId="17" fillId="0" borderId="0" applyFont="0" applyFill="0" applyBorder="0" applyAlignment="0" applyProtection="0">
      <alignment vertical="center"/>
    </xf>
    <xf numFmtId="9" fontId="17" fillId="0" borderId="0" applyFont="0" applyFill="0" applyBorder="0" applyAlignment="0" applyProtection="0">
      <alignment vertical="center"/>
    </xf>
    <xf numFmtId="0" fontId="6" fillId="3" borderId="60" applyNumberFormat="0" applyFont="0" applyAlignment="0" applyProtection="0">
      <alignment vertical="center"/>
    </xf>
    <xf numFmtId="0" fontId="18" fillId="0" borderId="61" applyNumberFormat="0" applyFill="0" applyAlignment="0" applyProtection="0">
      <alignment vertical="center"/>
    </xf>
    <xf numFmtId="0" fontId="19" fillId="30" borderId="0" applyNumberFormat="0" applyBorder="0" applyAlignment="0" applyProtection="0">
      <alignment vertical="center"/>
    </xf>
    <xf numFmtId="0" fontId="20" fillId="31" borderId="62" applyNumberFormat="0" applyAlignment="0" applyProtection="0">
      <alignment vertical="center"/>
    </xf>
    <xf numFmtId="0" fontId="21" fillId="0" borderId="0" applyNumberFormat="0" applyFill="0" applyBorder="0" applyAlignment="0" applyProtection="0">
      <alignment vertical="center"/>
    </xf>
    <xf numFmtId="38" fontId="17" fillId="0" borderId="0" applyFont="0" applyFill="0" applyBorder="0" applyAlignment="0" applyProtection="0">
      <alignment vertical="center"/>
    </xf>
    <xf numFmtId="0" fontId="22" fillId="0" borderId="63" applyNumberFormat="0" applyFill="0" applyAlignment="0" applyProtection="0">
      <alignment vertical="center"/>
    </xf>
    <xf numFmtId="0" fontId="23" fillId="0" borderId="64" applyNumberFormat="0" applyFill="0" applyAlignment="0" applyProtection="0">
      <alignment vertical="center"/>
    </xf>
    <xf numFmtId="0" fontId="24" fillId="0" borderId="65" applyNumberFormat="0" applyFill="0" applyAlignment="0" applyProtection="0">
      <alignment vertical="center"/>
    </xf>
    <xf numFmtId="0" fontId="24" fillId="0" borderId="0" applyNumberFormat="0" applyFill="0" applyBorder="0" applyAlignment="0" applyProtection="0">
      <alignment vertical="center"/>
    </xf>
    <xf numFmtId="0" fontId="25" fillId="0" borderId="66" applyNumberFormat="0" applyFill="0" applyAlignment="0" applyProtection="0">
      <alignment vertical="center"/>
    </xf>
    <xf numFmtId="0" fontId="26" fillId="31" borderId="67" applyNumberFormat="0" applyAlignment="0" applyProtection="0">
      <alignment vertical="center"/>
    </xf>
    <xf numFmtId="0" fontId="27" fillId="0" borderId="0" applyNumberFormat="0" applyFill="0" applyBorder="0" applyAlignment="0" applyProtection="0">
      <alignment vertical="center"/>
    </xf>
    <xf numFmtId="0" fontId="28" fillId="2" borderId="62" applyNumberFormat="0" applyAlignment="0" applyProtection="0">
      <alignment vertical="center"/>
    </xf>
    <xf numFmtId="0" fontId="6" fillId="0" borderId="0"/>
    <xf numFmtId="0" fontId="6" fillId="0" borderId="0">
      <alignment vertical="center"/>
    </xf>
    <xf numFmtId="0" fontId="17" fillId="0" borderId="0">
      <alignment vertical="center"/>
    </xf>
    <xf numFmtId="0" fontId="17" fillId="0" borderId="0">
      <alignment vertical="center"/>
    </xf>
    <xf numFmtId="0" fontId="17" fillId="0" borderId="0">
      <alignment vertical="center"/>
    </xf>
    <xf numFmtId="0" fontId="17" fillId="0" borderId="0">
      <alignment vertical="center"/>
    </xf>
    <xf numFmtId="0" fontId="29" fillId="32" borderId="0" applyNumberFormat="0" applyBorder="0" applyAlignment="0" applyProtection="0">
      <alignment vertical="center"/>
    </xf>
  </cellStyleXfs>
  <cellXfs count="404">
    <xf numFmtId="0" fontId="0" fillId="0" borderId="0" xfId="0" applyAlignment="1"/>
    <xf numFmtId="0" fontId="3" fillId="0" borderId="0" xfId="0" applyFont="1" applyAlignment="1">
      <alignment horizontal="left" vertical="center"/>
    </xf>
    <xf numFmtId="0" fontId="3" fillId="0" borderId="0" xfId="0" applyFont="1" applyAlignment="1">
      <alignment vertical="center"/>
    </xf>
    <xf numFmtId="0" fontId="3" fillId="0" borderId="0" xfId="0" applyFont="1" applyAlignme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applyAlignment="1"/>
    <xf numFmtId="0" fontId="3" fillId="0" borderId="7" xfId="0" applyFont="1" applyBorder="1" applyAlignment="1"/>
    <xf numFmtId="0" fontId="3" fillId="0" borderId="8" xfId="0" applyFont="1" applyBorder="1" applyAlignment="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Border="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Border="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applyAlignment="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5"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0" xfId="0" applyFont="1" applyBorder="1" applyAlignment="1">
      <alignment horizontal="left"/>
    </xf>
    <xf numFmtId="0" fontId="3" fillId="0" borderId="17" xfId="0" applyFont="1" applyBorder="1" applyAlignment="1">
      <alignment horizontal="left"/>
    </xf>
    <xf numFmtId="0" fontId="3" fillId="0" borderId="3" xfId="0" applyFont="1" applyBorder="1" applyAlignment="1"/>
    <xf numFmtId="0" fontId="3" fillId="0" borderId="4" xfId="0" applyFont="1" applyBorder="1" applyAlignment="1"/>
    <xf numFmtId="0" fontId="3" fillId="0" borderId="1" xfId="0" applyFont="1" applyBorder="1" applyAlignment="1"/>
    <xf numFmtId="0" fontId="3" fillId="0" borderId="5" xfId="0" applyFont="1" applyBorder="1" applyAlignment="1"/>
    <xf numFmtId="0" fontId="3" fillId="0" borderId="15" xfId="0" applyFont="1" applyBorder="1" applyAlignment="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applyAlignment="1"/>
    <xf numFmtId="0" fontId="3" fillId="0" borderId="24" xfId="0" applyFont="1" applyBorder="1" applyAlignment="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applyAlignment="1"/>
    <xf numFmtId="0" fontId="3" fillId="0" borderId="3"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15" xfId="0" applyFont="1" applyBorder="1" applyAlignment="1">
      <alignment horizontal="center" vertical="center"/>
    </xf>
    <xf numFmtId="0" fontId="3" fillId="0" borderId="3" xfId="0" applyFont="1" applyBorder="1" applyAlignment="1">
      <alignment horizontal="left" vertical="center" wrapText="1"/>
    </xf>
    <xf numFmtId="0" fontId="3" fillId="0" borderId="17" xfId="0" applyFont="1" applyBorder="1" applyAlignment="1">
      <alignment horizontal="left" vertical="center" wrapText="1"/>
    </xf>
    <xf numFmtId="0" fontId="3" fillId="0" borderId="16" xfId="0" applyFont="1" applyBorder="1" applyAlignment="1">
      <alignment horizontal="left" vertical="center" wrapText="1"/>
    </xf>
    <xf numFmtId="0" fontId="3" fillId="0" borderId="8" xfId="0" applyFont="1" applyBorder="1" applyAlignment="1">
      <alignment horizontal="center" vertical="center"/>
    </xf>
    <xf numFmtId="0" fontId="3" fillId="0" borderId="27" xfId="0" applyFont="1" applyBorder="1" applyAlignment="1">
      <alignment horizontal="center" vertical="center"/>
    </xf>
    <xf numFmtId="0" fontId="3" fillId="0" borderId="9" xfId="0" applyFont="1" applyBorder="1" applyAlignment="1">
      <alignment horizontal="center" vertical="center"/>
    </xf>
    <xf numFmtId="0" fontId="3" fillId="0" borderId="4" xfId="0" applyFont="1" applyBorder="1" applyAlignment="1">
      <alignment vertical="center" wrapText="1"/>
    </xf>
    <xf numFmtId="0" fontId="3" fillId="0" borderId="1" xfId="0" applyFont="1" applyBorder="1" applyAlignment="1">
      <alignment vertical="center" wrapText="1"/>
    </xf>
    <xf numFmtId="0" fontId="3" fillId="0" borderId="28" xfId="0" applyFont="1" applyBorder="1" applyAlignment="1">
      <alignment horizontal="center" vertical="center"/>
    </xf>
    <xf numFmtId="0" fontId="0" fillId="0" borderId="17" xfId="0" applyBorder="1" applyAlignment="1">
      <alignment horizontal="center" vertical="center"/>
    </xf>
    <xf numFmtId="0" fontId="3" fillId="0" borderId="28" xfId="0" applyFont="1" applyBorder="1" applyAlignment="1">
      <alignment vertical="center" wrapText="1"/>
    </xf>
    <xf numFmtId="0" fontId="0" fillId="0" borderId="4" xfId="0" applyBorder="1" applyAlignment="1">
      <alignment horizontal="center" vertical="center"/>
    </xf>
    <xf numFmtId="0" fontId="0" fillId="0" borderId="1" xfId="0" applyBorder="1" applyAlignment="1">
      <alignment vertical="center"/>
    </xf>
    <xf numFmtId="0" fontId="3" fillId="0" borderId="1" xfId="0" applyFont="1" applyBorder="1" applyAlignment="1">
      <alignment vertical="top"/>
    </xf>
    <xf numFmtId="0" fontId="3" fillId="0" borderId="17" xfId="0" applyFont="1" applyBorder="1" applyAlignment="1">
      <alignment vertical="center"/>
    </xf>
    <xf numFmtId="0" fontId="3" fillId="0" borderId="29" xfId="0" applyFont="1" applyBorder="1" applyAlignment="1">
      <alignment vertical="center"/>
    </xf>
    <xf numFmtId="0" fontId="3" fillId="0" borderId="17" xfId="0" applyFont="1" applyBorder="1" applyAlignment="1">
      <alignment horizontal="left" vertical="center"/>
    </xf>
    <xf numFmtId="0" fontId="3" fillId="0" borderId="28" xfId="0" applyFont="1" applyBorder="1" applyAlignment="1">
      <alignment vertical="center"/>
    </xf>
    <xf numFmtId="0" fontId="0" fillId="0" borderId="0" xfId="0" applyAlignment="1">
      <alignment horizontal="left" vertical="center"/>
    </xf>
    <xf numFmtId="0" fontId="0" fillId="0" borderId="28" xfId="0" applyBorder="1" applyAlignment="1">
      <alignment horizontal="left" vertical="center"/>
    </xf>
    <xf numFmtId="0" fontId="3" fillId="0" borderId="28" xfId="0" applyFont="1" applyBorder="1" applyAlignment="1">
      <alignment vertical="top"/>
    </xf>
    <xf numFmtId="0" fontId="3" fillId="0" borderId="30" xfId="0" applyFont="1" applyBorder="1" applyAlignment="1">
      <alignment horizontal="left" vertical="center" wrapText="1"/>
    </xf>
    <xf numFmtId="0" fontId="0" fillId="0" borderId="31" xfId="0" applyBorder="1" applyAlignment="1">
      <alignment horizontal="center" vertical="center"/>
    </xf>
    <xf numFmtId="0" fontId="3" fillId="0" borderId="32" xfId="0" applyFont="1" applyBorder="1" applyAlignment="1">
      <alignment horizontal="left" vertical="center"/>
    </xf>
    <xf numFmtId="0" fontId="0" fillId="0" borderId="32" xfId="0" applyBorder="1" applyAlignment="1">
      <alignment horizontal="left" vertical="center"/>
    </xf>
    <xf numFmtId="0" fontId="0" fillId="0" borderId="33" xfId="0" applyBorder="1" applyAlignment="1">
      <alignment horizontal="left" vertical="center"/>
    </xf>
    <xf numFmtId="0" fontId="3" fillId="0" borderId="17" xfId="0" applyFont="1" applyBorder="1" applyAlignment="1">
      <alignment vertical="top"/>
    </xf>
    <xf numFmtId="0" fontId="3" fillId="0" borderId="34" xfId="0" applyFont="1" applyBorder="1" applyAlignment="1">
      <alignment vertical="center"/>
    </xf>
    <xf numFmtId="0" fontId="0" fillId="0" borderId="34" xfId="0" applyBorder="1" applyAlignment="1">
      <alignment horizontal="center" vertical="center"/>
    </xf>
    <xf numFmtId="0" fontId="3" fillId="0" borderId="35" xfId="0" applyFont="1" applyBorder="1" applyAlignment="1">
      <alignment vertical="center"/>
    </xf>
    <xf numFmtId="0" fontId="0" fillId="0" borderId="35" xfId="0" applyBorder="1" applyAlignment="1">
      <alignment vertical="center"/>
    </xf>
    <xf numFmtId="0" fontId="3" fillId="0" borderId="35" xfId="0" applyFont="1" applyBorder="1" applyAlignment="1">
      <alignment horizontal="left" vertical="center" wrapText="1"/>
    </xf>
    <xf numFmtId="0" fontId="0" fillId="0" borderId="35" xfId="0" applyBorder="1" applyAlignment="1">
      <alignment horizontal="center" vertical="center"/>
    </xf>
    <xf numFmtId="0" fontId="0" fillId="0" borderId="35" xfId="0" applyBorder="1" applyAlignment="1">
      <alignment horizontal="left" vertical="center"/>
    </xf>
    <xf numFmtId="0" fontId="0" fillId="0" borderId="36" xfId="0" applyBorder="1" applyAlignment="1">
      <alignment horizontal="left" vertical="center"/>
    </xf>
    <xf numFmtId="0" fontId="3" fillId="0" borderId="37" xfId="0" applyFont="1" applyBorder="1" applyAlignment="1">
      <alignment horizontal="left" vertical="center" wrapText="1"/>
    </xf>
    <xf numFmtId="0" fontId="3" fillId="0" borderId="36" xfId="0" applyFont="1" applyBorder="1" applyAlignment="1">
      <alignment vertical="center"/>
    </xf>
    <xf numFmtId="0" fontId="0" fillId="0" borderId="36" xfId="0" applyBorder="1" applyAlignment="1">
      <alignment vertical="center"/>
    </xf>
    <xf numFmtId="0" fontId="3" fillId="0" borderId="38" xfId="0" applyFont="1" applyBorder="1" applyAlignment="1">
      <alignment vertical="center"/>
    </xf>
    <xf numFmtId="0" fontId="3" fillId="0" borderId="32" xfId="0" applyFont="1" applyBorder="1" applyAlignment="1">
      <alignment vertical="center"/>
    </xf>
    <xf numFmtId="0" fontId="3" fillId="0" borderId="33" xfId="0" applyFont="1" applyBorder="1" applyAlignment="1">
      <alignment vertical="center"/>
    </xf>
    <xf numFmtId="0" fontId="3" fillId="0" borderId="38" xfId="0" applyFont="1" applyBorder="1" applyAlignment="1">
      <alignment horizontal="left" vertical="center"/>
    </xf>
    <xf numFmtId="0" fontId="3" fillId="0" borderId="39" xfId="0" applyFont="1" applyBorder="1" applyAlignment="1">
      <alignment vertical="center"/>
    </xf>
    <xf numFmtId="0" fontId="0" fillId="0" borderId="32" xfId="0" applyBorder="1" applyAlignment="1">
      <alignment vertical="center"/>
    </xf>
    <xf numFmtId="0" fontId="0" fillId="0" borderId="33" xfId="0" applyBorder="1" applyAlignment="1">
      <alignment vertical="center"/>
    </xf>
    <xf numFmtId="0" fontId="0" fillId="0" borderId="38" xfId="0" applyBorder="1" applyAlignment="1">
      <alignment vertical="center"/>
    </xf>
    <xf numFmtId="0" fontId="0" fillId="0" borderId="39" xfId="0" applyBorder="1" applyAlignment="1">
      <alignment vertical="center"/>
    </xf>
    <xf numFmtId="0" fontId="3" fillId="0" borderId="16" xfId="0" applyFont="1" applyBorder="1" applyAlignment="1">
      <alignment vertical="center"/>
    </xf>
    <xf numFmtId="0" fontId="3" fillId="0" borderId="40" xfId="0" applyFont="1" applyBorder="1" applyAlignment="1">
      <alignment vertical="center"/>
    </xf>
    <xf numFmtId="0" fontId="3" fillId="0" borderId="16" xfId="0" applyFont="1" applyBorder="1" applyAlignment="1">
      <alignment horizontal="left" vertical="center"/>
    </xf>
    <xf numFmtId="0" fontId="3" fillId="0" borderId="15" xfId="0" applyFont="1" applyBorder="1" applyAlignment="1">
      <alignment vertical="center" wrapText="1"/>
    </xf>
    <xf numFmtId="0" fontId="3" fillId="0" borderId="15" xfId="0" applyFont="1" applyBorder="1" applyAlignment="1">
      <alignment vertical="center"/>
    </xf>
    <xf numFmtId="0" fontId="3" fillId="0" borderId="5" xfId="0" applyFont="1" applyBorder="1" applyAlignment="1">
      <alignment vertical="top"/>
    </xf>
    <xf numFmtId="0" fontId="3" fillId="0" borderId="15" xfId="0" applyFont="1" applyBorder="1" applyAlignment="1">
      <alignment vertical="top"/>
    </xf>
    <xf numFmtId="0" fontId="3" fillId="0" borderId="16" xfId="0" applyFont="1" applyBorder="1" applyAlignment="1">
      <alignment vertical="top"/>
    </xf>
    <xf numFmtId="0" fontId="0" fillId="0" borderId="3" xfId="0" applyBorder="1" applyAlignment="1">
      <alignment horizontal="center" vertical="center"/>
    </xf>
    <xf numFmtId="0" fontId="0" fillId="0" borderId="32" xfId="0" applyBorder="1" applyAlignment="1">
      <alignment horizontal="center" vertical="center"/>
    </xf>
    <xf numFmtId="0" fontId="3" fillId="0" borderId="37" xfId="0" applyFont="1" applyBorder="1" applyAlignment="1">
      <alignment vertical="center"/>
    </xf>
    <xf numFmtId="0" fontId="0" fillId="0" borderId="41" xfId="0" applyBorder="1" applyAlignment="1">
      <alignment horizontal="center" vertical="center"/>
    </xf>
    <xf numFmtId="0" fontId="3" fillId="0" borderId="35" xfId="0" applyFont="1" applyBorder="1" applyAlignment="1">
      <alignment horizontal="left" vertical="center"/>
    </xf>
    <xf numFmtId="0" fontId="3" fillId="0" borderId="36" xfId="0" applyFont="1" applyBorder="1" applyAlignment="1">
      <alignment horizontal="left" vertical="center"/>
    </xf>
    <xf numFmtId="0" fontId="0" fillId="0" borderId="38" xfId="0" applyBorder="1" applyAlignment="1">
      <alignment horizontal="center" vertical="center"/>
    </xf>
    <xf numFmtId="0" fontId="3" fillId="0" borderId="39" xfId="0" applyFont="1" applyBorder="1" applyAlignment="1">
      <alignment horizontal="left" vertical="center"/>
    </xf>
    <xf numFmtId="0" fontId="3" fillId="0" borderId="28" xfId="0" applyFont="1" applyBorder="1" applyAlignment="1">
      <alignment horizontal="left" vertical="center"/>
    </xf>
    <xf numFmtId="0" fontId="0" fillId="0" borderId="5" xfId="0" applyBorder="1" applyAlignment="1">
      <alignment horizontal="center" vertical="center"/>
    </xf>
    <xf numFmtId="0" fontId="0" fillId="0" borderId="15" xfId="0" applyBorder="1" applyAlignment="1">
      <alignment horizontal="left" vertical="center"/>
    </xf>
    <xf numFmtId="0" fontId="0" fillId="0" borderId="42" xfId="0" applyBorder="1" applyAlignment="1">
      <alignment horizontal="center" vertical="center"/>
    </xf>
    <xf numFmtId="0" fontId="3" fillId="0" borderId="43" xfId="0" applyFont="1" applyBorder="1" applyAlignment="1">
      <alignment vertical="center"/>
    </xf>
    <xf numFmtId="0" fontId="0" fillId="0" borderId="43" xfId="0" applyBorder="1" applyAlignment="1">
      <alignment vertical="center"/>
    </xf>
    <xf numFmtId="0" fontId="0" fillId="0" borderId="43" xfId="0" applyBorder="1" applyAlignment="1">
      <alignment horizontal="center" vertical="center"/>
    </xf>
    <xf numFmtId="0" fontId="0" fillId="0" borderId="43" xfId="0" applyBorder="1" applyAlignment="1">
      <alignment horizontal="left" vertical="center"/>
    </xf>
    <xf numFmtId="0" fontId="0" fillId="0" borderId="44" xfId="0" applyBorder="1" applyAlignment="1">
      <alignment horizontal="left" vertical="center"/>
    </xf>
    <xf numFmtId="0" fontId="3" fillId="0" borderId="25" xfId="0" applyFont="1" applyBorder="1" applyAlignment="1">
      <alignment vertical="center" wrapText="1"/>
    </xf>
    <xf numFmtId="0" fontId="3" fillId="0" borderId="43" xfId="0" applyFont="1" applyBorder="1" applyAlignment="1">
      <alignment horizontal="left" vertical="center" wrapText="1"/>
    </xf>
    <xf numFmtId="0" fontId="3" fillId="0" borderId="43" xfId="0" applyFont="1" applyBorder="1" applyAlignment="1">
      <alignment horizontal="left" vertical="center"/>
    </xf>
    <xf numFmtId="0" fontId="3" fillId="0" borderId="44" xfId="0" applyFont="1" applyBorder="1" applyAlignment="1">
      <alignment horizontal="left" vertical="center"/>
    </xf>
    <xf numFmtId="0" fontId="3" fillId="0" borderId="29" xfId="0" applyFont="1" applyBorder="1" applyAlignment="1">
      <alignment vertical="center" wrapText="1"/>
    </xf>
    <xf numFmtId="0" fontId="3" fillId="0" borderId="33" xfId="0" applyFont="1" applyBorder="1" applyAlignment="1">
      <alignment horizontal="left" vertical="center"/>
    </xf>
    <xf numFmtId="0" fontId="3" fillId="0" borderId="37" xfId="0" applyFont="1" applyBorder="1" applyAlignment="1">
      <alignment vertical="center" wrapText="1"/>
    </xf>
    <xf numFmtId="0" fontId="8" fillId="0" borderId="35" xfId="0" applyFont="1" applyBorder="1" applyAlignment="1">
      <alignment horizontal="left" vertical="center"/>
    </xf>
    <xf numFmtId="0" fontId="8" fillId="0" borderId="36" xfId="0" applyFont="1" applyBorder="1" applyAlignment="1">
      <alignment horizontal="left" vertical="center"/>
    </xf>
    <xf numFmtId="0" fontId="3" fillId="0" borderId="37" xfId="0" applyFont="1" applyBorder="1" applyAlignment="1">
      <alignment horizontal="left" vertical="center"/>
    </xf>
    <xf numFmtId="0" fontId="3" fillId="0" borderId="37" xfId="0" applyFont="1" applyBorder="1" applyAlignment="1">
      <alignment horizontal="left" vertical="center" shrinkToFit="1"/>
    </xf>
    <xf numFmtId="0" fontId="3" fillId="0" borderId="45" xfId="0" applyFont="1" applyBorder="1" applyAlignment="1">
      <alignment vertical="center"/>
    </xf>
    <xf numFmtId="0" fontId="0" fillId="0" borderId="38" xfId="0" applyBorder="1" applyAlignment="1">
      <alignment horizontal="left" vertical="center"/>
    </xf>
    <xf numFmtId="0" fontId="0" fillId="0" borderId="39" xfId="0" applyBorder="1" applyAlignment="1">
      <alignment horizontal="left" vertical="center"/>
    </xf>
    <xf numFmtId="0" fontId="3" fillId="0" borderId="38" xfId="0" applyFont="1" applyBorder="1" applyAlignment="1">
      <alignment horizontal="left" vertical="center" wrapText="1"/>
    </xf>
    <xf numFmtId="0" fontId="3" fillId="0" borderId="32" xfId="0" applyFont="1" applyBorder="1" applyAlignment="1">
      <alignment horizontal="left" vertical="center" wrapText="1"/>
    </xf>
    <xf numFmtId="0" fontId="3" fillId="0" borderId="3" xfId="0" applyFont="1" applyBorder="1" applyAlignment="1">
      <alignment vertical="center" wrapText="1"/>
    </xf>
    <xf numFmtId="0" fontId="3" fillId="0" borderId="17" xfId="0" applyFont="1" applyBorder="1" applyAlignment="1">
      <alignment vertical="center" wrapText="1"/>
    </xf>
    <xf numFmtId="0" fontId="3" fillId="0" borderId="46" xfId="0" applyFont="1" applyBorder="1" applyAlignment="1">
      <alignment vertical="center"/>
    </xf>
    <xf numFmtId="0" fontId="3" fillId="0" borderId="29" xfId="0" applyFont="1" applyBorder="1" applyAlignment="1">
      <alignment vertical="center" shrinkToFit="1"/>
    </xf>
    <xf numFmtId="0" fontId="0" fillId="0" borderId="28" xfId="0" applyBorder="1" applyAlignment="1">
      <alignment vertical="center"/>
    </xf>
    <xf numFmtId="0" fontId="3" fillId="0" borderId="15" xfId="0" applyFont="1" applyBorder="1" applyAlignment="1">
      <alignment horizontal="left" vertical="center"/>
    </xf>
    <xf numFmtId="0" fontId="0" fillId="0" borderId="16" xfId="0" applyBorder="1" applyAlignment="1">
      <alignment horizontal="center" vertical="center"/>
    </xf>
    <xf numFmtId="0" fontId="3" fillId="0" borderId="5" xfId="0" applyFont="1" applyBorder="1" applyAlignment="1">
      <alignment vertical="center"/>
    </xf>
    <xf numFmtId="0" fontId="3" fillId="0" borderId="5" xfId="0" applyFont="1" applyBorder="1" applyAlignment="1">
      <alignment vertical="center" wrapText="1"/>
    </xf>
    <xf numFmtId="0" fontId="0" fillId="0" borderId="1" xfId="0" applyBorder="1" applyAlignment="1">
      <alignment horizontal="left" vertical="center"/>
    </xf>
    <xf numFmtId="0" fontId="3" fillId="0" borderId="0" xfId="0" applyFont="1" applyBorder="1" applyAlignment="1">
      <alignment horizontal="left" vertical="center"/>
    </xf>
    <xf numFmtId="0" fontId="0" fillId="0" borderId="0" xfId="0" applyBorder="1" applyAlignment="1">
      <alignment horizontal="center" vertical="center"/>
    </xf>
    <xf numFmtId="0" fontId="3" fillId="0" borderId="0" xfId="0" applyFont="1" applyBorder="1" applyAlignment="1">
      <alignment vertical="top"/>
    </xf>
    <xf numFmtId="0" fontId="3" fillId="0" borderId="0" xfId="0" applyFont="1" applyBorder="1" applyAlignment="1">
      <alignment vertical="center"/>
    </xf>
    <xf numFmtId="0" fontId="30" fillId="0" borderId="34" xfId="0" applyFont="1" applyFill="1" applyBorder="1" applyAlignment="1">
      <alignment vertical="center"/>
    </xf>
    <xf numFmtId="0" fontId="31" fillId="0" borderId="34" xfId="0" applyFont="1" applyFill="1" applyBorder="1" applyAlignment="1">
      <alignment horizontal="center" vertical="center"/>
    </xf>
    <xf numFmtId="0" fontId="30" fillId="0" borderId="35" xfId="0" applyFont="1" applyFill="1" applyBorder="1" applyAlignment="1">
      <alignment vertical="center"/>
    </xf>
    <xf numFmtId="0" fontId="31" fillId="0" borderId="35" xfId="0" applyFont="1" applyFill="1" applyBorder="1" applyAlignment="1">
      <alignment vertical="center"/>
    </xf>
    <xf numFmtId="0" fontId="30" fillId="0" borderId="35" xfId="0" applyFont="1" applyFill="1" applyBorder="1" applyAlignment="1">
      <alignment horizontal="left" vertical="center" wrapText="1"/>
    </xf>
    <xf numFmtId="0" fontId="31" fillId="0" borderId="35" xfId="0" applyFont="1" applyFill="1" applyBorder="1" applyAlignment="1">
      <alignment horizontal="center" vertical="center"/>
    </xf>
    <xf numFmtId="0" fontId="31" fillId="0" borderId="35" xfId="0" applyFont="1" applyFill="1" applyBorder="1" applyAlignment="1">
      <alignment horizontal="left" vertical="center"/>
    </xf>
    <xf numFmtId="0" fontId="31" fillId="0" borderId="36" xfId="0" applyFont="1" applyFill="1" applyBorder="1" applyAlignment="1">
      <alignment horizontal="left" vertical="center"/>
    </xf>
    <xf numFmtId="0" fontId="30" fillId="0" borderId="38" xfId="0" applyFont="1" applyFill="1" applyBorder="1" applyAlignment="1">
      <alignment vertical="center"/>
    </xf>
    <xf numFmtId="0" fontId="30" fillId="0" borderId="5" xfId="0" applyFont="1" applyFill="1" applyBorder="1" applyAlignment="1">
      <alignment vertical="center"/>
    </xf>
    <xf numFmtId="0" fontId="30" fillId="0" borderId="39" xfId="0" applyFont="1" applyFill="1" applyBorder="1" applyAlignment="1">
      <alignment vertical="center"/>
    </xf>
    <xf numFmtId="0" fontId="30" fillId="0" borderId="32" xfId="0" applyFont="1" applyFill="1" applyBorder="1" applyAlignment="1">
      <alignment vertical="center"/>
    </xf>
    <xf numFmtId="0" fontId="30" fillId="0" borderId="33" xfId="0" applyFont="1" applyFill="1" applyBorder="1" applyAlignment="1">
      <alignment vertical="center"/>
    </xf>
    <xf numFmtId="0" fontId="31" fillId="0" borderId="32" xfId="0" applyFont="1" applyFill="1" applyBorder="1" applyAlignment="1">
      <alignment vertical="center"/>
    </xf>
    <xf numFmtId="0" fontId="31" fillId="0" borderId="32" xfId="0" applyFont="1" applyFill="1" applyBorder="1" applyAlignment="1">
      <alignment horizontal="left" vertical="center"/>
    </xf>
    <xf numFmtId="0" fontId="31" fillId="0" borderId="33" xfId="0" applyFont="1" applyFill="1" applyBorder="1" applyAlignment="1">
      <alignment horizontal="left" vertical="center"/>
    </xf>
    <xf numFmtId="0" fontId="31" fillId="0" borderId="12" xfId="0" applyFont="1" applyFill="1" applyBorder="1" applyAlignment="1">
      <alignment horizontal="center" vertical="center"/>
    </xf>
    <xf numFmtId="0" fontId="30" fillId="0" borderId="13" xfId="0" applyFont="1" applyFill="1" applyBorder="1" applyAlignment="1">
      <alignment vertical="center"/>
    </xf>
    <xf numFmtId="0" fontId="31" fillId="0" borderId="13" xfId="0" applyFont="1" applyFill="1" applyBorder="1" applyAlignment="1">
      <alignment horizontal="center" vertical="center"/>
    </xf>
    <xf numFmtId="0" fontId="30" fillId="0" borderId="36" xfId="0" applyFont="1" applyFill="1" applyBorder="1" applyAlignment="1">
      <alignment horizontal="left" vertical="center"/>
    </xf>
    <xf numFmtId="0" fontId="3" fillId="0" borderId="31" xfId="0" applyFont="1" applyBorder="1" applyAlignment="1">
      <alignment vertical="center"/>
    </xf>
    <xf numFmtId="0" fontId="31" fillId="0" borderId="31" xfId="0" applyFont="1" applyFill="1" applyBorder="1" applyAlignment="1">
      <alignment horizontal="center" vertical="center"/>
    </xf>
    <xf numFmtId="0" fontId="31" fillId="0" borderId="32" xfId="0" applyFont="1" applyFill="1" applyBorder="1" applyAlignment="1">
      <alignment horizontal="center" vertical="center"/>
    </xf>
    <xf numFmtId="0" fontId="3" fillId="0" borderId="29" xfId="0" applyFont="1" applyBorder="1" applyAlignment="1">
      <alignment horizontal="left" vertical="center"/>
    </xf>
    <xf numFmtId="0" fontId="30" fillId="0" borderId="35" xfId="0" applyFont="1" applyFill="1" applyBorder="1" applyAlignment="1">
      <alignment horizontal="left" vertical="center"/>
    </xf>
    <xf numFmtId="0" fontId="3" fillId="0" borderId="0" xfId="0" applyFont="1" applyBorder="1" applyAlignment="1">
      <alignment horizontal="left" vertical="center" wrapText="1"/>
    </xf>
    <xf numFmtId="0" fontId="7" fillId="0" borderId="0" xfId="0" applyFont="1" applyAlignment="1">
      <alignment horizontal="left" vertical="center"/>
    </xf>
    <xf numFmtId="14" fontId="3" fillId="0" borderId="0" xfId="0" applyNumberFormat="1" applyFont="1" applyAlignment="1">
      <alignment horizontal="left" vertical="center"/>
    </xf>
    <xf numFmtId="0" fontId="0" fillId="0" borderId="47" xfId="0" applyBorder="1" applyAlignment="1">
      <alignment horizontal="center" vertical="center"/>
    </xf>
    <xf numFmtId="0" fontId="3" fillId="0" borderId="30" xfId="0" applyFont="1" applyBorder="1" applyAlignment="1">
      <alignment vertical="center"/>
    </xf>
    <xf numFmtId="0" fontId="3" fillId="0" borderId="30" xfId="0" applyFont="1" applyBorder="1" applyAlignment="1">
      <alignment horizontal="left" vertical="center" shrinkToFit="1"/>
    </xf>
    <xf numFmtId="0" fontId="30" fillId="0" borderId="48" xfId="0" applyFont="1" applyFill="1" applyBorder="1" applyAlignment="1">
      <alignment vertical="center" wrapText="1"/>
    </xf>
    <xf numFmtId="0" fontId="32" fillId="0" borderId="13" xfId="0" applyFont="1" applyFill="1" applyBorder="1" applyAlignment="1">
      <alignment vertical="center"/>
    </xf>
    <xf numFmtId="0" fontId="33" fillId="0" borderId="13" xfId="0" applyFont="1" applyFill="1" applyBorder="1" applyAlignment="1">
      <alignment vertical="center"/>
    </xf>
    <xf numFmtId="0" fontId="31" fillId="0" borderId="13" xfId="0" applyFont="1" applyFill="1" applyBorder="1" applyAlignment="1">
      <alignment horizontal="left" vertical="center"/>
    </xf>
    <xf numFmtId="0" fontId="31" fillId="0" borderId="14" xfId="0" applyFont="1" applyFill="1" applyBorder="1" applyAlignment="1">
      <alignment horizontal="left" vertical="center"/>
    </xf>
    <xf numFmtId="0" fontId="0" fillId="0" borderId="0" xfId="0" applyBorder="1" applyAlignment="1">
      <alignment horizontal="left" vertical="center"/>
    </xf>
    <xf numFmtId="0" fontId="9" fillId="0" borderId="0" xfId="0" applyFont="1" applyBorder="1" applyAlignment="1">
      <alignment horizontal="left" vertical="center"/>
    </xf>
    <xf numFmtId="0" fontId="3" fillId="0" borderId="46" xfId="0" applyFont="1" applyBorder="1" applyAlignment="1">
      <alignment horizontal="left" vertical="center" shrinkToFit="1"/>
    </xf>
    <xf numFmtId="0" fontId="34" fillId="33" borderId="0" xfId="0" applyFont="1" applyFill="1" applyBorder="1" applyAlignment="1">
      <alignment horizontal="left" vertical="center"/>
    </xf>
    <xf numFmtId="0" fontId="3" fillId="0" borderId="49" xfId="0" applyFont="1" applyBorder="1" applyAlignment="1">
      <alignment vertical="center"/>
    </xf>
    <xf numFmtId="0" fontId="30" fillId="0" borderId="31" xfId="0" applyFont="1" applyFill="1" applyBorder="1" applyAlignment="1">
      <alignment vertical="center"/>
    </xf>
    <xf numFmtId="0" fontId="30" fillId="0" borderId="32" xfId="0" applyFont="1" applyFill="1" applyBorder="1" applyAlignment="1">
      <alignment horizontal="left" vertical="center" wrapText="1"/>
    </xf>
    <xf numFmtId="0" fontId="30" fillId="0" borderId="37" xfId="0" applyFont="1" applyFill="1" applyBorder="1" applyAlignment="1">
      <alignment horizontal="left" vertical="center" shrinkToFit="1"/>
    </xf>
    <xf numFmtId="0" fontId="0" fillId="0" borderId="1" xfId="0" applyBorder="1" applyAlignment="1">
      <alignment vertical="center" wrapText="1"/>
    </xf>
    <xf numFmtId="0" fontId="0" fillId="0" borderId="28" xfId="0" applyBorder="1" applyAlignment="1">
      <alignment vertical="center" wrapText="1"/>
    </xf>
    <xf numFmtId="0" fontId="3" fillId="0" borderId="0" xfId="0" applyFont="1" applyFill="1" applyAlignment="1">
      <alignment vertical="center"/>
    </xf>
    <xf numFmtId="0" fontId="3" fillId="0" borderId="0" xfId="0" applyFont="1" applyFill="1" applyAlignment="1">
      <alignment horizontal="left" vertical="center"/>
    </xf>
    <xf numFmtId="0" fontId="3" fillId="0" borderId="0" xfId="0" applyFont="1" applyFill="1" applyAlignment="1">
      <alignment horizontal="center" vertical="center"/>
    </xf>
    <xf numFmtId="0" fontId="3" fillId="0" borderId="0" xfId="0" applyFont="1" applyFill="1" applyAlignment="1">
      <alignment vertical="top"/>
    </xf>
    <xf numFmtId="0" fontId="3" fillId="0" borderId="0" xfId="0" applyFont="1" applyFill="1"/>
    <xf numFmtId="0" fontId="3" fillId="0" borderId="0" xfId="0" applyFont="1" applyFill="1" applyAlignment="1">
      <alignment horizontal="left" vertical="center" wrapText="1"/>
    </xf>
    <xf numFmtId="0" fontId="0" fillId="0" borderId="0" xfId="0" applyFill="1"/>
    <xf numFmtId="0" fontId="0" fillId="0" borderId="0" xfId="0" applyFont="1" applyFill="1"/>
    <xf numFmtId="0" fontId="11" fillId="0" borderId="0" xfId="0" applyFont="1" applyFill="1" applyAlignment="1">
      <alignment horizontal="left" vertical="center"/>
    </xf>
    <xf numFmtId="0" fontId="3" fillId="0" borderId="0" xfId="0" applyFont="1" applyFill="1" applyAlignment="1">
      <alignment horizontal="left" vertical="top"/>
    </xf>
    <xf numFmtId="0" fontId="0" fillId="0" borderId="0" xfId="0" applyFont="1" applyFill="1" applyAlignment="1">
      <alignment horizontal="left" vertical="center"/>
    </xf>
    <xf numFmtId="0" fontId="10" fillId="0" borderId="0" xfId="0" applyFont="1" applyFill="1" applyAlignment="1">
      <alignment horizontal="left" vertical="center"/>
    </xf>
    <xf numFmtId="0" fontId="3" fillId="0" borderId="0" xfId="0" applyFont="1" applyFill="1" applyAlignment="1">
      <alignment horizontal="center"/>
    </xf>
    <xf numFmtId="0" fontId="0" fillId="0" borderId="0" xfId="0" applyFill="1" applyAlignment="1">
      <alignment horizontal="center" vertical="center"/>
    </xf>
    <xf numFmtId="0" fontId="0" fillId="0" borderId="0" xfId="0" applyFill="1" applyAlignment="1">
      <alignment horizontal="left" vertical="center"/>
    </xf>
    <xf numFmtId="0" fontId="8" fillId="0" borderId="0" xfId="0" applyFont="1" applyFill="1" applyAlignment="1">
      <alignment horizontal="left" vertical="center"/>
    </xf>
    <xf numFmtId="0" fontId="11" fillId="0" borderId="0" xfId="0" applyFont="1" applyFill="1" applyAlignment="1">
      <alignment horizontal="center" vertical="center"/>
    </xf>
    <xf numFmtId="0" fontId="7" fillId="0" borderId="0" xfId="0" applyFont="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0" fillId="0" borderId="6" xfId="0" applyBorder="1" applyAlignment="1">
      <alignment horizontal="center" vertical="center"/>
    </xf>
    <xf numFmtId="0" fontId="0" fillId="0" borderId="8" xfId="0"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25" xfId="0" applyFont="1" applyBorder="1" applyAlignment="1">
      <alignment horizontal="left" vertical="center"/>
    </xf>
    <xf numFmtId="0" fontId="3" fillId="0" borderId="40" xfId="0" applyFont="1" applyBorder="1" applyAlignment="1">
      <alignment horizontal="left" vertical="center"/>
    </xf>
    <xf numFmtId="0" fontId="3" fillId="0" borderId="51" xfId="0" applyFont="1" applyBorder="1" applyAlignment="1">
      <alignment horizontal="center" vertical="center"/>
    </xf>
    <xf numFmtId="0" fontId="3" fillId="0" borderId="52" xfId="0" applyFont="1" applyBorder="1" applyAlignment="1">
      <alignment horizontal="center" vertical="center"/>
    </xf>
    <xf numFmtId="0" fontId="3" fillId="0" borderId="53" xfId="0" applyFont="1" applyBorder="1" applyAlignment="1">
      <alignment horizontal="center" vertical="center"/>
    </xf>
    <xf numFmtId="0" fontId="3" fillId="0" borderId="54" xfId="0" applyFont="1" applyBorder="1" applyAlignment="1">
      <alignment horizontal="center" vertical="center"/>
    </xf>
    <xf numFmtId="0" fontId="3" fillId="0" borderId="55" xfId="0" applyFont="1" applyBorder="1" applyAlignment="1">
      <alignment horizontal="center" vertical="center"/>
    </xf>
    <xf numFmtId="0" fontId="3" fillId="0" borderId="56" xfId="0" applyFont="1" applyBorder="1" applyAlignment="1">
      <alignment horizontal="center" vertical="center"/>
    </xf>
    <xf numFmtId="0" fontId="3" fillId="0" borderId="45" xfId="0" applyFont="1" applyBorder="1" applyAlignment="1">
      <alignment horizontal="left" vertical="center" wrapText="1"/>
    </xf>
    <xf numFmtId="0" fontId="3" fillId="0" borderId="30" xfId="0" applyFont="1" applyBorder="1" applyAlignment="1">
      <alignment horizontal="left" vertical="center" wrapText="1"/>
    </xf>
    <xf numFmtId="0" fontId="3" fillId="0" borderId="38" xfId="0" applyFont="1" applyBorder="1" applyAlignment="1">
      <alignment horizontal="center" vertical="center" wrapText="1"/>
    </xf>
    <xf numFmtId="0" fontId="3" fillId="0" borderId="32" xfId="0" applyFont="1" applyBorder="1" applyAlignment="1">
      <alignment horizontal="center" vertical="center" wrapText="1"/>
    </xf>
    <xf numFmtId="0" fontId="3" fillId="0" borderId="38" xfId="0" applyFont="1" applyBorder="1" applyAlignment="1">
      <alignment horizontal="left" vertical="center"/>
    </xf>
    <xf numFmtId="0" fontId="3" fillId="0" borderId="32" xfId="0" applyFont="1" applyBorder="1" applyAlignment="1">
      <alignment horizontal="left" vertical="center"/>
    </xf>
    <xf numFmtId="0" fontId="3" fillId="0" borderId="45" xfId="0" applyFont="1" applyBorder="1" applyAlignment="1">
      <alignment horizontal="left" vertical="center" shrinkToFit="1"/>
    </xf>
    <xf numFmtId="0" fontId="3" fillId="0" borderId="29" xfId="0" applyFont="1" applyBorder="1" applyAlignment="1">
      <alignment horizontal="left" vertical="center" shrinkToFit="1"/>
    </xf>
    <xf numFmtId="0" fontId="3" fillId="0" borderId="30" xfId="0" applyFont="1" applyBorder="1" applyAlignment="1">
      <alignment horizontal="left" vertical="center" shrinkToFit="1"/>
    </xf>
    <xf numFmtId="0" fontId="3" fillId="0" borderId="29" xfId="0" applyFont="1" applyBorder="1" applyAlignment="1">
      <alignment horizontal="left" vertical="center" wrapText="1"/>
    </xf>
    <xf numFmtId="0" fontId="0" fillId="0" borderId="41" xfId="0" applyBorder="1" applyAlignment="1">
      <alignment horizontal="center" vertical="center"/>
    </xf>
    <xf numFmtId="0" fontId="0" fillId="0" borderId="17" xfId="0" applyBorder="1" applyAlignment="1">
      <alignment horizontal="center" vertical="center"/>
    </xf>
    <xf numFmtId="0" fontId="0" fillId="0" borderId="31" xfId="0" applyBorder="1" applyAlignment="1">
      <alignment horizontal="center" vertical="center"/>
    </xf>
    <xf numFmtId="0" fontId="3" fillId="0" borderId="0" xfId="0" applyFont="1" applyBorder="1" applyAlignment="1">
      <alignment horizontal="left" vertical="center"/>
    </xf>
    <xf numFmtId="0" fontId="0" fillId="0" borderId="38" xfId="0" applyBorder="1" applyAlignment="1">
      <alignment horizontal="center" vertical="center"/>
    </xf>
    <xf numFmtId="0" fontId="0" fillId="0" borderId="0" xfId="0" applyBorder="1" applyAlignment="1">
      <alignment horizontal="center" vertical="center"/>
    </xf>
    <xf numFmtId="0" fontId="0" fillId="0" borderId="32" xfId="0" applyBorder="1" applyAlignment="1">
      <alignment horizontal="center" vertical="center"/>
    </xf>
    <xf numFmtId="0" fontId="3" fillId="0" borderId="45" xfId="0" applyFont="1" applyBorder="1" applyAlignment="1">
      <alignment horizontal="left" vertical="center" wrapText="1" shrinkToFit="1"/>
    </xf>
    <xf numFmtId="0" fontId="3" fillId="0" borderId="30" xfId="0" applyFont="1" applyBorder="1" applyAlignment="1">
      <alignment horizontal="left" vertical="center" wrapText="1" shrinkToFit="1"/>
    </xf>
    <xf numFmtId="0" fontId="30" fillId="0" borderId="45" xfId="0" applyFont="1" applyFill="1" applyBorder="1" applyAlignment="1">
      <alignment horizontal="left" vertical="center" wrapText="1" shrinkToFit="1"/>
    </xf>
    <xf numFmtId="0" fontId="30" fillId="0" borderId="30" xfId="0" applyFont="1" applyFill="1" applyBorder="1" applyAlignment="1">
      <alignment horizontal="left" vertical="center" wrapText="1" shrinkToFit="1"/>
    </xf>
    <xf numFmtId="0" fontId="30" fillId="0" borderId="38" xfId="0" applyFont="1" applyFill="1" applyBorder="1" applyAlignment="1">
      <alignment horizontal="center" vertical="center" wrapText="1"/>
    </xf>
    <xf numFmtId="0" fontId="30" fillId="0" borderId="32" xfId="0" applyFont="1" applyFill="1" applyBorder="1" applyAlignment="1">
      <alignment horizontal="center" vertical="center" wrapText="1"/>
    </xf>
    <xf numFmtId="0" fontId="30" fillId="0" borderId="38" xfId="0" applyFont="1" applyFill="1" applyBorder="1" applyAlignment="1">
      <alignment horizontal="left" vertical="center"/>
    </xf>
    <xf numFmtId="0" fontId="30" fillId="0" borderId="32" xfId="0" applyFont="1" applyFill="1" applyBorder="1" applyAlignment="1">
      <alignment horizontal="left" vertical="center"/>
    </xf>
    <xf numFmtId="0" fontId="3" fillId="0" borderId="0" xfId="0" applyFont="1" applyFill="1" applyAlignment="1">
      <alignment horizontal="left" vertical="center" wrapText="1"/>
    </xf>
    <xf numFmtId="0" fontId="3" fillId="0" borderId="0" xfId="0" applyFont="1" applyFill="1" applyAlignment="1">
      <alignment vertical="center" wrapText="1"/>
    </xf>
    <xf numFmtId="0" fontId="3" fillId="0" borderId="0" xfId="0" applyFont="1" applyFill="1" applyAlignment="1">
      <alignment horizontal="left" vertical="center"/>
    </xf>
    <xf numFmtId="0" fontId="3" fillId="0" borderId="5" xfId="0" applyFont="1" applyBorder="1" applyAlignment="1">
      <alignment horizontal="left" vertical="center" wrapText="1"/>
    </xf>
    <xf numFmtId="0" fontId="3" fillId="0" borderId="0" xfId="0" applyFont="1" applyBorder="1" applyAlignment="1">
      <alignment horizontal="left" vertical="center" wrapText="1"/>
    </xf>
    <xf numFmtId="0" fontId="3" fillId="0" borderId="0" xfId="0" applyFont="1" applyAlignment="1">
      <alignment horizontal="center" vertical="center"/>
    </xf>
    <xf numFmtId="0" fontId="3" fillId="0" borderId="6" xfId="0" applyFont="1" applyBorder="1" applyAlignment="1">
      <alignment horizontal="left" vertical="center"/>
    </xf>
    <xf numFmtId="0" fontId="3" fillId="0" borderId="4" xfId="0" applyFont="1" applyBorder="1" applyAlignment="1">
      <alignment horizontal="left" vertical="top"/>
    </xf>
    <xf numFmtId="0" fontId="3" fillId="0" borderId="28" xfId="0" applyFont="1" applyBorder="1" applyAlignment="1">
      <alignment horizontal="left" vertical="center" wrapText="1"/>
    </xf>
    <xf numFmtId="0" fontId="3" fillId="0" borderId="2" xfId="0" applyFont="1" applyBorder="1" applyAlignment="1">
      <alignment horizontal="left" vertical="center" wrapText="1"/>
    </xf>
    <xf numFmtId="0" fontId="3" fillId="0" borderId="17" xfId="0" applyFont="1" applyBorder="1" applyAlignment="1">
      <alignment horizontal="left" vertical="top" wrapText="1"/>
    </xf>
    <xf numFmtId="0" fontId="3" fillId="0" borderId="2" xfId="0" applyFont="1" applyBorder="1" applyAlignment="1">
      <alignment horizontal="left" vertic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17" xfId="0" applyFont="1" applyBorder="1" applyAlignment="1">
      <alignment horizontal="left"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 xfId="0" applyFont="1" applyBorder="1" applyAlignment="1">
      <alignment horizontal="center" vertical="center"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3" fillId="0" borderId="1" xfId="0" applyFont="1" applyBorder="1" applyAlignment="1">
      <alignment horizontal="left" vertical="center" wrapText="1"/>
    </xf>
    <xf numFmtId="0" fontId="3" fillId="0" borderId="16" xfId="0" applyFont="1" applyBorder="1" applyAlignment="1">
      <alignment horizontal="left" vertical="center" wrapText="1"/>
    </xf>
    <xf numFmtId="0" fontId="3" fillId="0" borderId="15" xfId="0" applyFont="1" applyBorder="1" applyAlignment="1">
      <alignment horizontal="left" vertical="center" wrapText="1"/>
    </xf>
    <xf numFmtId="0" fontId="3" fillId="0" borderId="7" xfId="0" applyFont="1" applyBorder="1" applyAlignment="1">
      <alignment horizontal="left" vertical="top"/>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25" xfId="0" applyFont="1" applyBorder="1" applyAlignment="1">
      <alignment horizontal="left" vertical="center" wrapText="1"/>
    </xf>
    <xf numFmtId="0" fontId="3" fillId="0" borderId="6" xfId="0" applyFont="1" applyBorder="1" applyAlignment="1">
      <alignment horizontal="left"/>
    </xf>
    <xf numFmtId="0" fontId="3" fillId="0" borderId="7" xfId="0" applyFont="1" applyBorder="1" applyAlignment="1">
      <alignment horizontal="left"/>
    </xf>
    <xf numFmtId="0" fontId="3" fillId="0" borderId="4" xfId="0" applyFont="1" applyBorder="1" applyAlignment="1">
      <alignment horizontal="left" vertical="top" wrapText="1"/>
    </xf>
    <xf numFmtId="0" fontId="3" fillId="0" borderId="25" xfId="0" applyFont="1" applyBorder="1" applyAlignment="1">
      <alignment horizontal="center" vertical="center" textRotation="255" wrapText="1"/>
    </xf>
    <xf numFmtId="0" fontId="3" fillId="0" borderId="29" xfId="0" applyFont="1" applyBorder="1" applyAlignment="1">
      <alignment horizontal="center" vertical="center" textRotation="255" wrapText="1"/>
    </xf>
    <xf numFmtId="0" fontId="3" fillId="0" borderId="40" xfId="0" applyFont="1" applyBorder="1" applyAlignment="1">
      <alignment horizontal="center" vertical="center" textRotation="255" wrapText="1"/>
    </xf>
    <xf numFmtId="0" fontId="0" fillId="0" borderId="2" xfId="0" applyFont="1" applyBorder="1" applyAlignment="1">
      <alignment horizontal="left" vertical="center" wrapText="1"/>
    </xf>
    <xf numFmtId="0" fontId="0" fillId="0" borderId="25" xfId="0" applyFont="1" applyBorder="1" applyAlignment="1">
      <alignment horizontal="left" vertic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0" xfId="0" applyFont="1" applyBorder="1" applyAlignment="1">
      <alignment horizontal="justify" vertical="center" wrapText="1"/>
    </xf>
    <xf numFmtId="0" fontId="3" fillId="0" borderId="28" xfId="0" applyFont="1" applyBorder="1" applyAlignment="1">
      <alignment horizontal="justify" vertical="center" wrapTex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2" xfId="0" applyFont="1" applyBorder="1" applyAlignment="1">
      <alignment horizontal="left" wrapText="1"/>
    </xf>
    <xf numFmtId="0" fontId="0" fillId="0" borderId="2" xfId="0" applyFont="1" applyBorder="1" applyAlignment="1">
      <alignment horizontal="left" wrapText="1"/>
    </xf>
    <xf numFmtId="0" fontId="0" fillId="0" borderId="6" xfId="0" applyFont="1" applyBorder="1" applyAlignment="1">
      <alignment horizontal="left" wrapText="1"/>
    </xf>
    <xf numFmtId="0" fontId="0" fillId="0" borderId="4" xfId="0" applyFont="1" applyBorder="1" applyAlignment="1">
      <alignment horizontal="left" vertical="center"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3" fillId="0" borderId="6" xfId="0" applyFont="1" applyBorder="1" applyAlignment="1">
      <alignment horizontal="left" shrinkToFit="1"/>
    </xf>
    <xf numFmtId="0" fontId="3" fillId="0" borderId="7"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xf numFmtId="0" fontId="3" fillId="0" borderId="41" xfId="0" applyFont="1" applyBorder="1" applyAlignment="1">
      <alignment horizontal="justify" vertical="center" wrapText="1"/>
    </xf>
    <xf numFmtId="0" fontId="3" fillId="0" borderId="38" xfId="0" applyFont="1" applyBorder="1" applyAlignment="1">
      <alignment horizontal="justify" vertical="center" wrapText="1"/>
    </xf>
    <xf numFmtId="0" fontId="3" fillId="0" borderId="39" xfId="0" applyFont="1" applyBorder="1" applyAlignment="1">
      <alignment horizontal="justify" vertical="center" wrapText="1"/>
    </xf>
    <xf numFmtId="0" fontId="3" fillId="0" borderId="25" xfId="0" applyFont="1" applyBorder="1" applyAlignment="1">
      <alignment horizontal="center" vertical="center" textRotation="255" shrinkToFit="1"/>
    </xf>
    <xf numFmtId="0" fontId="3" fillId="0" borderId="29" xfId="0" applyFont="1" applyBorder="1" applyAlignment="1">
      <alignment horizontal="center" vertical="center" textRotation="255" shrinkToFit="1"/>
    </xf>
    <xf numFmtId="0" fontId="3" fillId="0" borderId="40" xfId="0" applyFont="1" applyBorder="1" applyAlignment="1">
      <alignment horizontal="center" vertical="center" textRotation="255" shrinkToFit="1"/>
    </xf>
    <xf numFmtId="0" fontId="4" fillId="0" borderId="2" xfId="0" applyFont="1" applyBorder="1" applyAlignment="1">
      <alignment horizontal="left" vertical="center" wrapText="1"/>
    </xf>
    <xf numFmtId="0" fontId="3" fillId="0" borderId="2" xfId="0" applyFont="1" applyBorder="1" applyAlignment="1">
      <alignment horizontal="center" wrapText="1"/>
    </xf>
    <xf numFmtId="0" fontId="3" fillId="0" borderId="3" xfId="0" applyFont="1" applyBorder="1" applyAlignment="1">
      <alignment horizontal="center"/>
    </xf>
    <xf numFmtId="0" fontId="3" fillId="0" borderId="4" xfId="0" applyFont="1" applyBorder="1" applyAlignment="1">
      <alignment horizontal="center"/>
    </xf>
    <xf numFmtId="0" fontId="3" fillId="0" borderId="1" xfId="0" applyFont="1" applyBorder="1" applyAlignment="1">
      <alignment horizontal="center"/>
    </xf>
    <xf numFmtId="0" fontId="0" fillId="0" borderId="7" xfId="0" applyFont="1" applyBorder="1" applyAlignment="1">
      <alignment horizontal="left" vertical="top"/>
    </xf>
    <xf numFmtId="0" fontId="0" fillId="0" borderId="27" xfId="0" applyFont="1" applyBorder="1" applyAlignment="1">
      <alignment horizontal="left" vertical="top"/>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0" fillId="0" borderId="4" xfId="0" applyFont="1" applyBorder="1" applyAlignment="1">
      <alignment horizontal="left" vertical="top"/>
    </xf>
    <xf numFmtId="0" fontId="0" fillId="0" borderId="58" xfId="0" applyFont="1" applyBorder="1" applyAlignment="1">
      <alignment horizontal="left" vertical="top"/>
    </xf>
    <xf numFmtId="0" fontId="3" fillId="0" borderId="20" xfId="0" applyFont="1" applyBorder="1" applyAlignment="1">
      <alignment horizontal="center" wrapText="1"/>
    </xf>
    <xf numFmtId="0" fontId="3" fillId="0" borderId="1" xfId="0" applyFont="1" applyBorder="1" applyAlignment="1">
      <alignment horizontal="center" wrapText="1"/>
    </xf>
    <xf numFmtId="0" fontId="3" fillId="0" borderId="50" xfId="0" applyFont="1" applyBorder="1" applyAlignment="1">
      <alignment horizontal="center" wrapText="1"/>
    </xf>
    <xf numFmtId="0" fontId="3" fillId="0" borderId="28" xfId="0" applyFont="1" applyBorder="1" applyAlignment="1">
      <alignment horizontal="center" wrapText="1"/>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3" xfId="0" applyFont="1" applyBorder="1" applyAlignment="1">
      <alignment horizontal="left" vertical="top" wrapText="1"/>
    </xf>
    <xf numFmtId="0" fontId="3" fillId="0" borderId="0" xfId="0" applyFont="1" applyBorder="1" applyAlignment="1">
      <alignment horizontal="left" vertical="top" wrapText="1"/>
    </xf>
    <xf numFmtId="0" fontId="3" fillId="0" borderId="23" xfId="0" applyFont="1" applyBorder="1" applyAlignment="1">
      <alignment horizontal="left" vertical="top"/>
    </xf>
    <xf numFmtId="0" fontId="3" fillId="0" borderId="57" xfId="0" applyFont="1" applyBorder="1" applyAlignment="1">
      <alignment horizontal="left" vertical="top"/>
    </xf>
    <xf numFmtId="0" fontId="3" fillId="0" borderId="27" xfId="0" applyFont="1" applyBorder="1" applyAlignment="1">
      <alignment horizontal="left" vertical="top"/>
    </xf>
    <xf numFmtId="0" fontId="3" fillId="0" borderId="2" xfId="0" applyFont="1" applyBorder="1" applyAlignment="1">
      <alignment horizontal="left" shrinkToFit="1"/>
    </xf>
    <xf numFmtId="0" fontId="3" fillId="0" borderId="6"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7" xfId="0" applyFont="1" applyBorder="1" applyAlignment="1">
      <alignment horizontal="center" wrapText="1"/>
    </xf>
    <xf numFmtId="0" fontId="3" fillId="0" borderId="0" xfId="0" applyFont="1" applyBorder="1" applyAlignment="1">
      <alignment horizontal="center" wrapText="1"/>
    </xf>
    <xf numFmtId="0" fontId="3" fillId="0" borderId="16" xfId="0" applyFont="1" applyBorder="1" applyAlignment="1">
      <alignment horizontal="center" wrapText="1"/>
    </xf>
  </cellXfs>
  <cellStyles count="5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パーセント 2 2 2 3" xfId="31"/>
    <cellStyle name="メモ" xfId="32" builtinId="10" customBuiltin="1"/>
    <cellStyle name="リンク セル" xfId="33" builtinId="24" customBuiltin="1"/>
    <cellStyle name="悪い" xfId="34" builtinId="27" customBuiltin="1"/>
    <cellStyle name="計算" xfId="35" builtinId="22" customBuiltin="1"/>
    <cellStyle name="警告文" xfId="36" builtinId="11" customBuiltin="1"/>
    <cellStyle name="桁区切り 2" xfId="37"/>
    <cellStyle name="見出し 1" xfId="38" builtinId="16" customBuiltin="1"/>
    <cellStyle name="見出し 2" xfId="39" builtinId="17" customBuiltin="1"/>
    <cellStyle name="見出し 3" xfId="40" builtinId="18" customBuiltin="1"/>
    <cellStyle name="見出し 4" xfId="41" builtinId="19" customBuiltin="1"/>
    <cellStyle name="集計" xfId="42" builtinId="25" customBuiltin="1"/>
    <cellStyle name="出力" xfId="43" builtinId="21" customBuiltin="1"/>
    <cellStyle name="説明文" xfId="44" builtinId="53" customBuiltin="1"/>
    <cellStyle name="入力" xfId="45" builtinId="20" customBuiltin="1"/>
    <cellStyle name="標準" xfId="0" builtinId="0"/>
    <cellStyle name="標準 2" xfId="46"/>
    <cellStyle name="標準 2 2" xfId="47"/>
    <cellStyle name="標準 3" xfId="48"/>
    <cellStyle name="標準 3 2" xfId="49"/>
    <cellStyle name="標準 3 2 2" xfId="50"/>
    <cellStyle name="標準 3 2 2 2" xfId="51"/>
    <cellStyle name="良い" xfId="5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2772489</xdr:colOff>
      <xdr:row>0</xdr:row>
      <xdr:rowOff>0</xdr:rowOff>
    </xdr:from>
    <xdr:to>
      <xdr:col>6</xdr:col>
      <xdr:colOff>421103</xdr:colOff>
      <xdr:row>0</xdr:row>
      <xdr:rowOff>0</xdr:rowOff>
    </xdr:to>
    <xdr:sp macro="" textlink="">
      <xdr:nvSpPr>
        <xdr:cNvPr id="2" name="Text Box 1">
          <a:extLst>
            <a:ext uri="{FF2B5EF4-FFF2-40B4-BE49-F238E27FC236}">
              <a16:creationId xmlns:a16="http://schemas.microsoft.com/office/drawing/2014/main" id="{564E0BEB-DC74-18D8-0410-C416FAE0411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3" name="Text Box 2">
          <a:extLst>
            <a:ext uri="{FF2B5EF4-FFF2-40B4-BE49-F238E27FC236}">
              <a16:creationId xmlns:a16="http://schemas.microsoft.com/office/drawing/2014/main" id="{D2B16A0B-4AB0-3742-B168-603046D648F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6188</xdr:colOff>
      <xdr:row>0</xdr:row>
      <xdr:rowOff>0</xdr:rowOff>
    </xdr:to>
    <xdr:sp macro="" textlink="">
      <xdr:nvSpPr>
        <xdr:cNvPr id="4" name="Text Box 3">
          <a:extLst>
            <a:ext uri="{FF2B5EF4-FFF2-40B4-BE49-F238E27FC236}">
              <a16:creationId xmlns:a16="http://schemas.microsoft.com/office/drawing/2014/main" id="{BBD2DBA9-4D05-61D0-B7F5-8D19E3959E69}"/>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0</xdr:row>
      <xdr:rowOff>0</xdr:rowOff>
    </xdr:from>
    <xdr:to>
      <xdr:col>10</xdr:col>
      <xdr:colOff>274912</xdr:colOff>
      <xdr:row>0</xdr:row>
      <xdr:rowOff>0</xdr:rowOff>
    </xdr:to>
    <xdr:sp macro="" textlink="">
      <xdr:nvSpPr>
        <xdr:cNvPr id="5" name="Text Box 4">
          <a:extLst>
            <a:ext uri="{FF2B5EF4-FFF2-40B4-BE49-F238E27FC236}">
              <a16:creationId xmlns:a16="http://schemas.microsoft.com/office/drawing/2014/main" id="{D656B3B5-C21C-D3F3-AD31-5E79901AABE4}"/>
            </a:ext>
          </a:extLst>
        </xdr:cNvPr>
        <xdr:cNvSpPr txBox="1"/>
      </xdr:nvSpPr>
      <xdr:spPr bwMode="auto">
        <a:xfrm>
          <a:off x="16478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0</xdr:row>
      <xdr:rowOff>0</xdr:rowOff>
    </xdr:from>
    <xdr:to>
      <xdr:col>4</xdr:col>
      <xdr:colOff>2041255</xdr:colOff>
      <xdr:row>0</xdr:row>
      <xdr:rowOff>0</xdr:rowOff>
    </xdr:to>
    <xdr:sp macro="" textlink="">
      <xdr:nvSpPr>
        <xdr:cNvPr id="6" name="Text Box 5">
          <a:extLst>
            <a:ext uri="{FF2B5EF4-FFF2-40B4-BE49-F238E27FC236}">
              <a16:creationId xmlns:a16="http://schemas.microsoft.com/office/drawing/2014/main" id="{85861E5D-91A4-DA26-4E64-B46DD208962A}"/>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0</xdr:row>
      <xdr:rowOff>0</xdr:rowOff>
    </xdr:from>
    <xdr:to>
      <xdr:col>1</xdr:col>
      <xdr:colOff>1394318</xdr:colOff>
      <xdr:row>0</xdr:row>
      <xdr:rowOff>0</xdr:rowOff>
    </xdr:to>
    <xdr:sp macro="" textlink="">
      <xdr:nvSpPr>
        <xdr:cNvPr id="7" name="Text Box 6">
          <a:extLst>
            <a:ext uri="{FF2B5EF4-FFF2-40B4-BE49-F238E27FC236}">
              <a16:creationId xmlns:a16="http://schemas.microsoft.com/office/drawing/2014/main" id="{C33BCAC5-B7F8-DC81-3A79-20C0FF70AB4A}"/>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8" name="Text Box 7">
          <a:extLst>
            <a:ext uri="{FF2B5EF4-FFF2-40B4-BE49-F238E27FC236}">
              <a16:creationId xmlns:a16="http://schemas.microsoft.com/office/drawing/2014/main" id="{C75AE8BC-B801-F5BE-D81A-301FC80D468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0</xdr:row>
      <xdr:rowOff>0</xdr:rowOff>
    </xdr:from>
    <xdr:to>
      <xdr:col>4</xdr:col>
      <xdr:colOff>2138539</xdr:colOff>
      <xdr:row>0</xdr:row>
      <xdr:rowOff>0</xdr:rowOff>
    </xdr:to>
    <xdr:sp macro="" textlink="">
      <xdr:nvSpPr>
        <xdr:cNvPr id="9" name="Text Box 8">
          <a:extLst>
            <a:ext uri="{FF2B5EF4-FFF2-40B4-BE49-F238E27FC236}">
              <a16:creationId xmlns:a16="http://schemas.microsoft.com/office/drawing/2014/main" id="{48554AA9-2BCE-6197-CB3B-30F5F3AA1969}"/>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10" name="Text Box 9">
          <a:extLst>
            <a:ext uri="{FF2B5EF4-FFF2-40B4-BE49-F238E27FC236}">
              <a16:creationId xmlns:a16="http://schemas.microsoft.com/office/drawing/2014/main" id="{8CDFC0F4-FB95-2E02-4B1D-FF8427D70C02}"/>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78F36D03-EDCC-0919-7361-075B94349FD6}"/>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12" name="Text Box 11">
          <a:extLst>
            <a:ext uri="{FF2B5EF4-FFF2-40B4-BE49-F238E27FC236}">
              <a16:creationId xmlns:a16="http://schemas.microsoft.com/office/drawing/2014/main" id="{B2A7AB4D-11F6-3F52-6BB1-77037E75C174}"/>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13" name="Text Box 12">
          <a:extLst>
            <a:ext uri="{FF2B5EF4-FFF2-40B4-BE49-F238E27FC236}">
              <a16:creationId xmlns:a16="http://schemas.microsoft.com/office/drawing/2014/main" id="{85A89C2A-1B9E-C56A-7198-C4D1ECA2662B}"/>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6188</xdr:colOff>
      <xdr:row>0</xdr:row>
      <xdr:rowOff>0</xdr:rowOff>
    </xdr:to>
    <xdr:sp macro="" textlink="">
      <xdr:nvSpPr>
        <xdr:cNvPr id="14" name="Text Box 13">
          <a:extLst>
            <a:ext uri="{FF2B5EF4-FFF2-40B4-BE49-F238E27FC236}">
              <a16:creationId xmlns:a16="http://schemas.microsoft.com/office/drawing/2014/main" id="{E15390B4-15DF-7F24-854B-464DB1FA9C7B}"/>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0</xdr:row>
      <xdr:rowOff>0</xdr:rowOff>
    </xdr:from>
    <xdr:to>
      <xdr:col>10</xdr:col>
      <xdr:colOff>274912</xdr:colOff>
      <xdr:row>0</xdr:row>
      <xdr:rowOff>0</xdr:rowOff>
    </xdr:to>
    <xdr:sp macro="" textlink="">
      <xdr:nvSpPr>
        <xdr:cNvPr id="15" name="Text Box 14">
          <a:extLst>
            <a:ext uri="{FF2B5EF4-FFF2-40B4-BE49-F238E27FC236}">
              <a16:creationId xmlns:a16="http://schemas.microsoft.com/office/drawing/2014/main" id="{4F236CDC-AF40-4478-4A21-DA893C52A42D}"/>
            </a:ext>
          </a:extLst>
        </xdr:cNvPr>
        <xdr:cNvSpPr txBox="1"/>
      </xdr:nvSpPr>
      <xdr:spPr bwMode="auto">
        <a:xfrm>
          <a:off x="16478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0</xdr:row>
      <xdr:rowOff>0</xdr:rowOff>
    </xdr:from>
    <xdr:to>
      <xdr:col>4</xdr:col>
      <xdr:colOff>2041255</xdr:colOff>
      <xdr:row>0</xdr:row>
      <xdr:rowOff>0</xdr:rowOff>
    </xdr:to>
    <xdr:sp macro="" textlink="">
      <xdr:nvSpPr>
        <xdr:cNvPr id="16" name="Text Box 15">
          <a:extLst>
            <a:ext uri="{FF2B5EF4-FFF2-40B4-BE49-F238E27FC236}">
              <a16:creationId xmlns:a16="http://schemas.microsoft.com/office/drawing/2014/main" id="{938E90A7-E4E8-84E5-2B46-A9DFA85E1859}"/>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0</xdr:row>
      <xdr:rowOff>0</xdr:rowOff>
    </xdr:from>
    <xdr:to>
      <xdr:col>1</xdr:col>
      <xdr:colOff>1394318</xdr:colOff>
      <xdr:row>0</xdr:row>
      <xdr:rowOff>0</xdr:rowOff>
    </xdr:to>
    <xdr:sp macro="" textlink="">
      <xdr:nvSpPr>
        <xdr:cNvPr id="17" name="Text Box 16">
          <a:extLst>
            <a:ext uri="{FF2B5EF4-FFF2-40B4-BE49-F238E27FC236}">
              <a16:creationId xmlns:a16="http://schemas.microsoft.com/office/drawing/2014/main" id="{B978A400-9574-AC31-C415-559AA69C53F6}"/>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18" name="Text Box 17">
          <a:extLst>
            <a:ext uri="{FF2B5EF4-FFF2-40B4-BE49-F238E27FC236}">
              <a16:creationId xmlns:a16="http://schemas.microsoft.com/office/drawing/2014/main" id="{5E0FA815-5358-0021-0FC6-69886B13B4C6}"/>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0</xdr:row>
      <xdr:rowOff>0</xdr:rowOff>
    </xdr:from>
    <xdr:to>
      <xdr:col>4</xdr:col>
      <xdr:colOff>2138539</xdr:colOff>
      <xdr:row>0</xdr:row>
      <xdr:rowOff>0</xdr:rowOff>
    </xdr:to>
    <xdr:sp macro="" textlink="">
      <xdr:nvSpPr>
        <xdr:cNvPr id="19" name="Text Box 18">
          <a:extLst>
            <a:ext uri="{FF2B5EF4-FFF2-40B4-BE49-F238E27FC236}">
              <a16:creationId xmlns:a16="http://schemas.microsoft.com/office/drawing/2014/main" id="{2D000A35-8DE8-6DD8-6E4B-AAA668903761}"/>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20" name="Text Box 19">
          <a:extLst>
            <a:ext uri="{FF2B5EF4-FFF2-40B4-BE49-F238E27FC236}">
              <a16:creationId xmlns:a16="http://schemas.microsoft.com/office/drawing/2014/main" id="{8C174BE8-A34D-0738-B3AC-AA2710C62825}"/>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BDCA997D-440E-4870-66EB-F4B6A14A0CFC}"/>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33598</xdr:colOff>
      <xdr:row>0</xdr:row>
      <xdr:rowOff>0</xdr:rowOff>
    </xdr:from>
    <xdr:to>
      <xdr:col>6</xdr:col>
      <xdr:colOff>839862</xdr:colOff>
      <xdr:row>0</xdr:row>
      <xdr:rowOff>0</xdr:rowOff>
    </xdr:to>
    <xdr:sp macro="" textlink="">
      <xdr:nvSpPr>
        <xdr:cNvPr id="22" name="Text Box 21">
          <a:extLst>
            <a:ext uri="{FF2B5EF4-FFF2-40B4-BE49-F238E27FC236}">
              <a16:creationId xmlns:a16="http://schemas.microsoft.com/office/drawing/2014/main" id="{DAB72238-2A48-0EF5-C0A2-0E31C72715B5}"/>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492460</xdr:colOff>
      <xdr:row>0</xdr:row>
      <xdr:rowOff>0</xdr:rowOff>
    </xdr:from>
    <xdr:to>
      <xdr:col>4</xdr:col>
      <xdr:colOff>2024815</xdr:colOff>
      <xdr:row>0</xdr:row>
      <xdr:rowOff>0</xdr:rowOff>
    </xdr:to>
    <xdr:sp macro="" textlink="">
      <xdr:nvSpPr>
        <xdr:cNvPr id="23" name="Text Box 22">
          <a:extLst>
            <a:ext uri="{FF2B5EF4-FFF2-40B4-BE49-F238E27FC236}">
              <a16:creationId xmlns:a16="http://schemas.microsoft.com/office/drawing/2014/main" id="{2737CF22-C37C-D9AC-0940-2CCB3B078D32}"/>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24" name="Text Box 23">
          <a:extLst>
            <a:ext uri="{FF2B5EF4-FFF2-40B4-BE49-F238E27FC236}">
              <a16:creationId xmlns:a16="http://schemas.microsoft.com/office/drawing/2014/main" id="{98CD03B9-F6C8-9B7C-D7C5-A645D2C6844D}"/>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25" name="Text Box 24">
          <a:extLst>
            <a:ext uri="{FF2B5EF4-FFF2-40B4-BE49-F238E27FC236}">
              <a16:creationId xmlns:a16="http://schemas.microsoft.com/office/drawing/2014/main" id="{C3E2AAD8-192A-135C-B3DC-560F1D5AE1D3}"/>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26" name="Text Box 25">
          <a:extLst>
            <a:ext uri="{FF2B5EF4-FFF2-40B4-BE49-F238E27FC236}">
              <a16:creationId xmlns:a16="http://schemas.microsoft.com/office/drawing/2014/main" id="{21F9E955-600B-3FC5-05BD-C5E01E61AA8A}"/>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27" name="Text Box 26">
          <a:extLst>
            <a:ext uri="{FF2B5EF4-FFF2-40B4-BE49-F238E27FC236}">
              <a16:creationId xmlns:a16="http://schemas.microsoft.com/office/drawing/2014/main" id="{D52FAF56-A222-51C3-8CBC-EA431D1F89BC}"/>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46749564-BAC2-2ADF-AC33-C97B1805CD51}"/>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29" name="Text Box 28">
          <a:extLst>
            <a:ext uri="{FF2B5EF4-FFF2-40B4-BE49-F238E27FC236}">
              <a16:creationId xmlns:a16="http://schemas.microsoft.com/office/drawing/2014/main" id="{BE07031A-E0F0-CF55-6A45-E3C27C36937C}"/>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30" name="Text Box 29">
          <a:extLst>
            <a:ext uri="{FF2B5EF4-FFF2-40B4-BE49-F238E27FC236}">
              <a16:creationId xmlns:a16="http://schemas.microsoft.com/office/drawing/2014/main" id="{D3E3BB39-A5E2-BDDC-48F0-A3820324F206}"/>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6188</xdr:colOff>
      <xdr:row>0</xdr:row>
      <xdr:rowOff>0</xdr:rowOff>
    </xdr:to>
    <xdr:sp macro="" textlink="">
      <xdr:nvSpPr>
        <xdr:cNvPr id="31" name="Text Box 30">
          <a:extLst>
            <a:ext uri="{FF2B5EF4-FFF2-40B4-BE49-F238E27FC236}">
              <a16:creationId xmlns:a16="http://schemas.microsoft.com/office/drawing/2014/main" id="{9F6A668E-D517-01B9-83BE-C691F5191667}"/>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0</xdr:row>
      <xdr:rowOff>0</xdr:rowOff>
    </xdr:from>
    <xdr:to>
      <xdr:col>10</xdr:col>
      <xdr:colOff>274912</xdr:colOff>
      <xdr:row>0</xdr:row>
      <xdr:rowOff>0</xdr:rowOff>
    </xdr:to>
    <xdr:sp macro="" textlink="">
      <xdr:nvSpPr>
        <xdr:cNvPr id="32" name="Text Box 31">
          <a:extLst>
            <a:ext uri="{FF2B5EF4-FFF2-40B4-BE49-F238E27FC236}">
              <a16:creationId xmlns:a16="http://schemas.microsoft.com/office/drawing/2014/main" id="{026BAF0D-877D-73A8-F16E-3221FF6E0E72}"/>
            </a:ext>
          </a:extLst>
        </xdr:cNvPr>
        <xdr:cNvSpPr txBox="1"/>
      </xdr:nvSpPr>
      <xdr:spPr bwMode="auto">
        <a:xfrm>
          <a:off x="16478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0</xdr:row>
      <xdr:rowOff>0</xdr:rowOff>
    </xdr:from>
    <xdr:to>
      <xdr:col>4</xdr:col>
      <xdr:colOff>2041255</xdr:colOff>
      <xdr:row>0</xdr:row>
      <xdr:rowOff>0</xdr:rowOff>
    </xdr:to>
    <xdr:sp macro="" textlink="">
      <xdr:nvSpPr>
        <xdr:cNvPr id="33" name="Text Box 32">
          <a:extLst>
            <a:ext uri="{FF2B5EF4-FFF2-40B4-BE49-F238E27FC236}">
              <a16:creationId xmlns:a16="http://schemas.microsoft.com/office/drawing/2014/main" id="{4B98C4A2-AC13-88E4-C43B-E1B82022D66B}"/>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0</xdr:row>
      <xdr:rowOff>0</xdr:rowOff>
    </xdr:from>
    <xdr:to>
      <xdr:col>1</xdr:col>
      <xdr:colOff>1394318</xdr:colOff>
      <xdr:row>0</xdr:row>
      <xdr:rowOff>0</xdr:rowOff>
    </xdr:to>
    <xdr:sp macro="" textlink="">
      <xdr:nvSpPr>
        <xdr:cNvPr id="34" name="Text Box 33">
          <a:extLst>
            <a:ext uri="{FF2B5EF4-FFF2-40B4-BE49-F238E27FC236}">
              <a16:creationId xmlns:a16="http://schemas.microsoft.com/office/drawing/2014/main" id="{C3EE2F82-EDE9-1522-1683-FB333591AB9F}"/>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35" name="Text Box 34">
          <a:extLst>
            <a:ext uri="{FF2B5EF4-FFF2-40B4-BE49-F238E27FC236}">
              <a16:creationId xmlns:a16="http://schemas.microsoft.com/office/drawing/2014/main" id="{3856A494-2D41-8BA4-D0B1-0FA0B47B822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0</xdr:row>
      <xdr:rowOff>0</xdr:rowOff>
    </xdr:from>
    <xdr:to>
      <xdr:col>4</xdr:col>
      <xdr:colOff>2138539</xdr:colOff>
      <xdr:row>0</xdr:row>
      <xdr:rowOff>0</xdr:rowOff>
    </xdr:to>
    <xdr:sp macro="" textlink="">
      <xdr:nvSpPr>
        <xdr:cNvPr id="36" name="Text Box 35">
          <a:extLst>
            <a:ext uri="{FF2B5EF4-FFF2-40B4-BE49-F238E27FC236}">
              <a16:creationId xmlns:a16="http://schemas.microsoft.com/office/drawing/2014/main" id="{0F77E537-AF3E-F8A6-41F5-F3E9089B6BB5}"/>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37" name="Text Box 36">
          <a:extLst>
            <a:ext uri="{FF2B5EF4-FFF2-40B4-BE49-F238E27FC236}">
              <a16:creationId xmlns:a16="http://schemas.microsoft.com/office/drawing/2014/main" id="{65508EE0-6400-C55B-3932-14639B858824}"/>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CCAA0EBB-5018-EFB6-060E-F1489C0C40A6}"/>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A5A3E81F-D5DA-2B87-A406-0D8E8EDEC15B}"/>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258BDC52-8A3A-EF0E-9B9E-8DFD5FC89CD7}"/>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41" name="Text Box 40">
          <a:extLst>
            <a:ext uri="{FF2B5EF4-FFF2-40B4-BE49-F238E27FC236}">
              <a16:creationId xmlns:a16="http://schemas.microsoft.com/office/drawing/2014/main" id="{078AFED0-DF2A-5A86-2F51-D2CDD9088236}"/>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1103</xdr:colOff>
      <xdr:row>0</xdr:row>
      <xdr:rowOff>0</xdr:rowOff>
    </xdr:to>
    <xdr:sp macro="" textlink="">
      <xdr:nvSpPr>
        <xdr:cNvPr id="42" name="Text Box 41">
          <a:extLst>
            <a:ext uri="{FF2B5EF4-FFF2-40B4-BE49-F238E27FC236}">
              <a16:creationId xmlns:a16="http://schemas.microsoft.com/office/drawing/2014/main" id="{14BD9742-1765-66D5-B500-28B6D33B77E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0</xdr:row>
      <xdr:rowOff>0</xdr:rowOff>
    </xdr:from>
    <xdr:to>
      <xdr:col>6</xdr:col>
      <xdr:colOff>426188</xdr:colOff>
      <xdr:row>0</xdr:row>
      <xdr:rowOff>0</xdr:rowOff>
    </xdr:to>
    <xdr:sp macro="" textlink="">
      <xdr:nvSpPr>
        <xdr:cNvPr id="43" name="Text Box 42">
          <a:extLst>
            <a:ext uri="{FF2B5EF4-FFF2-40B4-BE49-F238E27FC236}">
              <a16:creationId xmlns:a16="http://schemas.microsoft.com/office/drawing/2014/main" id="{F3230E65-25CE-33D2-72E6-26D581C81A1F}"/>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0</xdr:row>
      <xdr:rowOff>0</xdr:rowOff>
    </xdr:from>
    <xdr:to>
      <xdr:col>10</xdr:col>
      <xdr:colOff>274912</xdr:colOff>
      <xdr:row>0</xdr:row>
      <xdr:rowOff>0</xdr:rowOff>
    </xdr:to>
    <xdr:sp macro="" textlink="">
      <xdr:nvSpPr>
        <xdr:cNvPr id="44" name="Text Box 43">
          <a:extLst>
            <a:ext uri="{FF2B5EF4-FFF2-40B4-BE49-F238E27FC236}">
              <a16:creationId xmlns:a16="http://schemas.microsoft.com/office/drawing/2014/main" id="{ACEA15D6-EA49-3440-2B06-1AA932AB536F}"/>
            </a:ext>
          </a:extLst>
        </xdr:cNvPr>
        <xdr:cNvSpPr txBox="1"/>
      </xdr:nvSpPr>
      <xdr:spPr bwMode="auto">
        <a:xfrm>
          <a:off x="16478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0</xdr:row>
      <xdr:rowOff>0</xdr:rowOff>
    </xdr:from>
    <xdr:to>
      <xdr:col>4</xdr:col>
      <xdr:colOff>2041255</xdr:colOff>
      <xdr:row>0</xdr:row>
      <xdr:rowOff>0</xdr:rowOff>
    </xdr:to>
    <xdr:sp macro="" textlink="">
      <xdr:nvSpPr>
        <xdr:cNvPr id="45" name="Text Box 44">
          <a:extLst>
            <a:ext uri="{FF2B5EF4-FFF2-40B4-BE49-F238E27FC236}">
              <a16:creationId xmlns:a16="http://schemas.microsoft.com/office/drawing/2014/main" id="{9A3D4395-7759-843F-178A-FE6A8E9EFB42}"/>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0</xdr:row>
      <xdr:rowOff>0</xdr:rowOff>
    </xdr:from>
    <xdr:to>
      <xdr:col>1</xdr:col>
      <xdr:colOff>1394318</xdr:colOff>
      <xdr:row>0</xdr:row>
      <xdr:rowOff>0</xdr:rowOff>
    </xdr:to>
    <xdr:sp macro="" textlink="">
      <xdr:nvSpPr>
        <xdr:cNvPr id="46" name="Text Box 45">
          <a:extLst>
            <a:ext uri="{FF2B5EF4-FFF2-40B4-BE49-F238E27FC236}">
              <a16:creationId xmlns:a16="http://schemas.microsoft.com/office/drawing/2014/main" id="{95064E53-C3C6-EDB6-8388-2DDF884C3AAC}"/>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47" name="Text Box 46">
          <a:extLst>
            <a:ext uri="{FF2B5EF4-FFF2-40B4-BE49-F238E27FC236}">
              <a16:creationId xmlns:a16="http://schemas.microsoft.com/office/drawing/2014/main" id="{24E4EC7E-8DA6-72EF-721C-CDEFF9404473}"/>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0</xdr:row>
      <xdr:rowOff>0</xdr:rowOff>
    </xdr:from>
    <xdr:to>
      <xdr:col>4</xdr:col>
      <xdr:colOff>2138539</xdr:colOff>
      <xdr:row>0</xdr:row>
      <xdr:rowOff>0</xdr:rowOff>
    </xdr:to>
    <xdr:sp macro="" textlink="">
      <xdr:nvSpPr>
        <xdr:cNvPr id="48" name="Text Box 47">
          <a:extLst>
            <a:ext uri="{FF2B5EF4-FFF2-40B4-BE49-F238E27FC236}">
              <a16:creationId xmlns:a16="http://schemas.microsoft.com/office/drawing/2014/main" id="{527EC2B0-AB29-B221-426E-C6360684611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0</xdr:row>
      <xdr:rowOff>0</xdr:rowOff>
    </xdr:from>
    <xdr:to>
      <xdr:col>4</xdr:col>
      <xdr:colOff>2142420</xdr:colOff>
      <xdr:row>0</xdr:row>
      <xdr:rowOff>0</xdr:rowOff>
    </xdr:to>
    <xdr:sp macro="" textlink="">
      <xdr:nvSpPr>
        <xdr:cNvPr id="49" name="Text Box 48">
          <a:extLst>
            <a:ext uri="{FF2B5EF4-FFF2-40B4-BE49-F238E27FC236}">
              <a16:creationId xmlns:a16="http://schemas.microsoft.com/office/drawing/2014/main" id="{7053D548-4710-0B91-720E-DF6B35AB357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50" name="Text Box 51">
          <a:extLst>
            <a:ext uri="{FF2B5EF4-FFF2-40B4-BE49-F238E27FC236}">
              <a16:creationId xmlns:a16="http://schemas.microsoft.com/office/drawing/2014/main" id="{4088298D-C6F4-EF39-AEAA-E4416F4AD9AA}"/>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51" name="Text Box 53">
          <a:extLst>
            <a:ext uri="{FF2B5EF4-FFF2-40B4-BE49-F238E27FC236}">
              <a16:creationId xmlns:a16="http://schemas.microsoft.com/office/drawing/2014/main" id="{7576E7DF-A102-C133-5330-1B0FF8DE7A3A}"/>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52" name="Text Box 54">
          <a:extLst>
            <a:ext uri="{FF2B5EF4-FFF2-40B4-BE49-F238E27FC236}">
              <a16:creationId xmlns:a16="http://schemas.microsoft.com/office/drawing/2014/main" id="{53C17F83-51A2-201B-B15F-EBF7F4D68062}"/>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6188</xdr:colOff>
      <xdr:row>31</xdr:row>
      <xdr:rowOff>0</xdr:rowOff>
    </xdr:to>
    <xdr:sp macro="" textlink="">
      <xdr:nvSpPr>
        <xdr:cNvPr id="53" name="Text Box 55">
          <a:extLst>
            <a:ext uri="{FF2B5EF4-FFF2-40B4-BE49-F238E27FC236}">
              <a16:creationId xmlns:a16="http://schemas.microsoft.com/office/drawing/2014/main" id="{E33751A4-ABB4-C8B4-9581-B6744302C055}"/>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31</xdr:row>
      <xdr:rowOff>0</xdr:rowOff>
    </xdr:from>
    <xdr:to>
      <xdr:col>10</xdr:col>
      <xdr:colOff>274912</xdr:colOff>
      <xdr:row>31</xdr:row>
      <xdr:rowOff>0</xdr:rowOff>
    </xdr:to>
    <xdr:sp macro="" textlink="">
      <xdr:nvSpPr>
        <xdr:cNvPr id="54" name="Text Box 56">
          <a:extLst>
            <a:ext uri="{FF2B5EF4-FFF2-40B4-BE49-F238E27FC236}">
              <a16:creationId xmlns:a16="http://schemas.microsoft.com/office/drawing/2014/main" id="{B709E331-B3FE-E923-60B2-90CB5452A22A}"/>
            </a:ext>
          </a:extLst>
        </xdr:cNvPr>
        <xdr:cNvSpPr txBox="1"/>
      </xdr:nvSpPr>
      <xdr:spPr bwMode="auto">
        <a:xfrm>
          <a:off x="16478064"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38</xdr:row>
      <xdr:rowOff>0</xdr:rowOff>
    </xdr:from>
    <xdr:to>
      <xdr:col>4</xdr:col>
      <xdr:colOff>2041255</xdr:colOff>
      <xdr:row>38</xdr:row>
      <xdr:rowOff>0</xdr:rowOff>
    </xdr:to>
    <xdr:sp macro="" textlink="">
      <xdr:nvSpPr>
        <xdr:cNvPr id="55" name="Text Box 57">
          <a:extLst>
            <a:ext uri="{FF2B5EF4-FFF2-40B4-BE49-F238E27FC236}">
              <a16:creationId xmlns:a16="http://schemas.microsoft.com/office/drawing/2014/main" id="{313F3387-F6D8-5887-E537-983ED7590A70}"/>
            </a:ext>
          </a:extLst>
        </xdr:cNvPr>
        <xdr:cNvSpPr txBox="1"/>
      </xdr:nvSpPr>
      <xdr:spPr bwMode="auto">
        <a:xfrm>
          <a:off x="8161400"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38</xdr:row>
      <xdr:rowOff>0</xdr:rowOff>
    </xdr:from>
    <xdr:to>
      <xdr:col>1</xdr:col>
      <xdr:colOff>1394318</xdr:colOff>
      <xdr:row>38</xdr:row>
      <xdr:rowOff>0</xdr:rowOff>
    </xdr:to>
    <xdr:sp macro="" textlink="">
      <xdr:nvSpPr>
        <xdr:cNvPr id="56" name="Text Box 58">
          <a:extLst>
            <a:ext uri="{FF2B5EF4-FFF2-40B4-BE49-F238E27FC236}">
              <a16:creationId xmlns:a16="http://schemas.microsoft.com/office/drawing/2014/main" id="{34B90B33-490C-6D16-CD38-D66904ED9DFF}"/>
            </a:ext>
          </a:extLst>
        </xdr:cNvPr>
        <xdr:cNvSpPr txBox="1"/>
      </xdr:nvSpPr>
      <xdr:spPr bwMode="auto">
        <a:xfrm>
          <a:off x="1161380" y="107156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57" name="Text Box 59">
          <a:extLst>
            <a:ext uri="{FF2B5EF4-FFF2-40B4-BE49-F238E27FC236}">
              <a16:creationId xmlns:a16="http://schemas.microsoft.com/office/drawing/2014/main" id="{DB0F804A-3AB0-7DEC-09BB-A44007615D92}"/>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38</xdr:row>
      <xdr:rowOff>0</xdr:rowOff>
    </xdr:from>
    <xdr:to>
      <xdr:col>4</xdr:col>
      <xdr:colOff>2138539</xdr:colOff>
      <xdr:row>38</xdr:row>
      <xdr:rowOff>0</xdr:rowOff>
    </xdr:to>
    <xdr:sp macro="" textlink="">
      <xdr:nvSpPr>
        <xdr:cNvPr id="58" name="Text Box 60">
          <a:extLst>
            <a:ext uri="{FF2B5EF4-FFF2-40B4-BE49-F238E27FC236}">
              <a16:creationId xmlns:a16="http://schemas.microsoft.com/office/drawing/2014/main" id="{695715B2-6BC8-1CB3-E09E-5CB9D9D5348A}"/>
            </a:ext>
          </a:extLst>
        </xdr:cNvPr>
        <xdr:cNvSpPr txBox="1"/>
      </xdr:nvSpPr>
      <xdr:spPr bwMode="auto">
        <a:xfrm>
          <a:off x="8247013"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59" name="Text Box 61">
          <a:extLst>
            <a:ext uri="{FF2B5EF4-FFF2-40B4-BE49-F238E27FC236}">
              <a16:creationId xmlns:a16="http://schemas.microsoft.com/office/drawing/2014/main" id="{85FF9F81-8671-4EE2-02D8-9B4827ED2DAD}"/>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60" name="Text Box 62">
          <a:extLst>
            <a:ext uri="{FF2B5EF4-FFF2-40B4-BE49-F238E27FC236}">
              <a16:creationId xmlns:a16="http://schemas.microsoft.com/office/drawing/2014/main" id="{578A5A21-C807-4DE3-2D10-F2BF99C05896}"/>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61" name="Text Box 51">
          <a:extLst>
            <a:ext uri="{FF2B5EF4-FFF2-40B4-BE49-F238E27FC236}">
              <a16:creationId xmlns:a16="http://schemas.microsoft.com/office/drawing/2014/main" id="{5E4500D9-0046-B7F6-6558-88228179562E}"/>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62" name="Text Box 53">
          <a:extLst>
            <a:ext uri="{FF2B5EF4-FFF2-40B4-BE49-F238E27FC236}">
              <a16:creationId xmlns:a16="http://schemas.microsoft.com/office/drawing/2014/main" id="{A9370BE6-92E8-A6FB-1E69-D1A6110A58DD}"/>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63" name="Text Box 54">
          <a:extLst>
            <a:ext uri="{FF2B5EF4-FFF2-40B4-BE49-F238E27FC236}">
              <a16:creationId xmlns:a16="http://schemas.microsoft.com/office/drawing/2014/main" id="{1204E9DB-2EA3-E6A3-4077-78C20B44716A}"/>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6188</xdr:colOff>
      <xdr:row>31</xdr:row>
      <xdr:rowOff>0</xdr:rowOff>
    </xdr:to>
    <xdr:sp macro="" textlink="">
      <xdr:nvSpPr>
        <xdr:cNvPr id="64" name="Text Box 55">
          <a:extLst>
            <a:ext uri="{FF2B5EF4-FFF2-40B4-BE49-F238E27FC236}">
              <a16:creationId xmlns:a16="http://schemas.microsoft.com/office/drawing/2014/main" id="{A866477A-6A61-1D65-1069-284A330D83A8}"/>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31</xdr:row>
      <xdr:rowOff>0</xdr:rowOff>
    </xdr:from>
    <xdr:to>
      <xdr:col>10</xdr:col>
      <xdr:colOff>274912</xdr:colOff>
      <xdr:row>31</xdr:row>
      <xdr:rowOff>0</xdr:rowOff>
    </xdr:to>
    <xdr:sp macro="" textlink="">
      <xdr:nvSpPr>
        <xdr:cNvPr id="65" name="Text Box 56">
          <a:extLst>
            <a:ext uri="{FF2B5EF4-FFF2-40B4-BE49-F238E27FC236}">
              <a16:creationId xmlns:a16="http://schemas.microsoft.com/office/drawing/2014/main" id="{29F9FE86-98E2-2AC5-FBA5-6FD2F0016B82}"/>
            </a:ext>
          </a:extLst>
        </xdr:cNvPr>
        <xdr:cNvSpPr txBox="1"/>
      </xdr:nvSpPr>
      <xdr:spPr bwMode="auto">
        <a:xfrm>
          <a:off x="16478064"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38</xdr:row>
      <xdr:rowOff>0</xdr:rowOff>
    </xdr:from>
    <xdr:to>
      <xdr:col>4</xdr:col>
      <xdr:colOff>2041255</xdr:colOff>
      <xdr:row>38</xdr:row>
      <xdr:rowOff>0</xdr:rowOff>
    </xdr:to>
    <xdr:sp macro="" textlink="">
      <xdr:nvSpPr>
        <xdr:cNvPr id="66" name="Text Box 57">
          <a:extLst>
            <a:ext uri="{FF2B5EF4-FFF2-40B4-BE49-F238E27FC236}">
              <a16:creationId xmlns:a16="http://schemas.microsoft.com/office/drawing/2014/main" id="{1EA58CFE-7D89-714E-FFE2-B3B3BE1C1EA8}"/>
            </a:ext>
          </a:extLst>
        </xdr:cNvPr>
        <xdr:cNvSpPr txBox="1"/>
      </xdr:nvSpPr>
      <xdr:spPr bwMode="auto">
        <a:xfrm>
          <a:off x="8161400"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38</xdr:row>
      <xdr:rowOff>0</xdr:rowOff>
    </xdr:from>
    <xdr:to>
      <xdr:col>1</xdr:col>
      <xdr:colOff>1394318</xdr:colOff>
      <xdr:row>38</xdr:row>
      <xdr:rowOff>0</xdr:rowOff>
    </xdr:to>
    <xdr:sp macro="" textlink="">
      <xdr:nvSpPr>
        <xdr:cNvPr id="67" name="Text Box 58">
          <a:extLst>
            <a:ext uri="{FF2B5EF4-FFF2-40B4-BE49-F238E27FC236}">
              <a16:creationId xmlns:a16="http://schemas.microsoft.com/office/drawing/2014/main" id="{41A15141-5122-89E4-F44F-FA3D433E709D}"/>
            </a:ext>
          </a:extLst>
        </xdr:cNvPr>
        <xdr:cNvSpPr txBox="1"/>
      </xdr:nvSpPr>
      <xdr:spPr bwMode="auto">
        <a:xfrm>
          <a:off x="1161380" y="107156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68" name="Text Box 59">
          <a:extLst>
            <a:ext uri="{FF2B5EF4-FFF2-40B4-BE49-F238E27FC236}">
              <a16:creationId xmlns:a16="http://schemas.microsoft.com/office/drawing/2014/main" id="{6668FFD4-B19B-CCE2-4449-B47A9AF5330F}"/>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38</xdr:row>
      <xdr:rowOff>0</xdr:rowOff>
    </xdr:from>
    <xdr:to>
      <xdr:col>4</xdr:col>
      <xdr:colOff>2138539</xdr:colOff>
      <xdr:row>38</xdr:row>
      <xdr:rowOff>0</xdr:rowOff>
    </xdr:to>
    <xdr:sp macro="" textlink="">
      <xdr:nvSpPr>
        <xdr:cNvPr id="69" name="Text Box 60">
          <a:extLst>
            <a:ext uri="{FF2B5EF4-FFF2-40B4-BE49-F238E27FC236}">
              <a16:creationId xmlns:a16="http://schemas.microsoft.com/office/drawing/2014/main" id="{1FC189C7-9F75-A9D9-29DA-0EE2FC11DB42}"/>
            </a:ext>
          </a:extLst>
        </xdr:cNvPr>
        <xdr:cNvSpPr txBox="1"/>
      </xdr:nvSpPr>
      <xdr:spPr bwMode="auto">
        <a:xfrm>
          <a:off x="8247013"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70" name="Text Box 61">
          <a:extLst>
            <a:ext uri="{FF2B5EF4-FFF2-40B4-BE49-F238E27FC236}">
              <a16:creationId xmlns:a16="http://schemas.microsoft.com/office/drawing/2014/main" id="{81BA3249-2125-9438-DA70-331E4A16705B}"/>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71" name="Text Box 62">
          <a:extLst>
            <a:ext uri="{FF2B5EF4-FFF2-40B4-BE49-F238E27FC236}">
              <a16:creationId xmlns:a16="http://schemas.microsoft.com/office/drawing/2014/main" id="{12AF7366-8909-C84B-2948-A3EEF303BD66}"/>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72" name="Text Box 51">
          <a:extLst>
            <a:ext uri="{FF2B5EF4-FFF2-40B4-BE49-F238E27FC236}">
              <a16:creationId xmlns:a16="http://schemas.microsoft.com/office/drawing/2014/main" id="{61EF2405-F82D-0BEC-C38C-32A7A207E658}"/>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73" name="Text Box 53">
          <a:extLst>
            <a:ext uri="{FF2B5EF4-FFF2-40B4-BE49-F238E27FC236}">
              <a16:creationId xmlns:a16="http://schemas.microsoft.com/office/drawing/2014/main" id="{06B07383-84E9-097D-381E-D4AB27C4315E}"/>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74" name="Text Box 54">
          <a:extLst>
            <a:ext uri="{FF2B5EF4-FFF2-40B4-BE49-F238E27FC236}">
              <a16:creationId xmlns:a16="http://schemas.microsoft.com/office/drawing/2014/main" id="{58BEC250-CC36-5BCA-3E4D-A7A740EFEDF4}"/>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6188</xdr:colOff>
      <xdr:row>31</xdr:row>
      <xdr:rowOff>0</xdr:rowOff>
    </xdr:to>
    <xdr:sp macro="" textlink="">
      <xdr:nvSpPr>
        <xdr:cNvPr id="75" name="Text Box 55">
          <a:extLst>
            <a:ext uri="{FF2B5EF4-FFF2-40B4-BE49-F238E27FC236}">
              <a16:creationId xmlns:a16="http://schemas.microsoft.com/office/drawing/2014/main" id="{9DD75894-D196-AB6B-D898-74735ABF62C8}"/>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31</xdr:row>
      <xdr:rowOff>0</xdr:rowOff>
    </xdr:from>
    <xdr:to>
      <xdr:col>10</xdr:col>
      <xdr:colOff>274912</xdr:colOff>
      <xdr:row>31</xdr:row>
      <xdr:rowOff>0</xdr:rowOff>
    </xdr:to>
    <xdr:sp macro="" textlink="">
      <xdr:nvSpPr>
        <xdr:cNvPr id="76" name="Text Box 56">
          <a:extLst>
            <a:ext uri="{FF2B5EF4-FFF2-40B4-BE49-F238E27FC236}">
              <a16:creationId xmlns:a16="http://schemas.microsoft.com/office/drawing/2014/main" id="{421CBBFF-224D-04B2-3E24-15EB46589670}"/>
            </a:ext>
          </a:extLst>
        </xdr:cNvPr>
        <xdr:cNvSpPr txBox="1"/>
      </xdr:nvSpPr>
      <xdr:spPr bwMode="auto">
        <a:xfrm>
          <a:off x="16478064"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38</xdr:row>
      <xdr:rowOff>0</xdr:rowOff>
    </xdr:from>
    <xdr:to>
      <xdr:col>4</xdr:col>
      <xdr:colOff>2041255</xdr:colOff>
      <xdr:row>38</xdr:row>
      <xdr:rowOff>0</xdr:rowOff>
    </xdr:to>
    <xdr:sp macro="" textlink="">
      <xdr:nvSpPr>
        <xdr:cNvPr id="77" name="Text Box 57">
          <a:extLst>
            <a:ext uri="{FF2B5EF4-FFF2-40B4-BE49-F238E27FC236}">
              <a16:creationId xmlns:a16="http://schemas.microsoft.com/office/drawing/2014/main" id="{1F7BD88A-78F3-B267-AB37-E3C3C951B4B6}"/>
            </a:ext>
          </a:extLst>
        </xdr:cNvPr>
        <xdr:cNvSpPr txBox="1"/>
      </xdr:nvSpPr>
      <xdr:spPr bwMode="auto">
        <a:xfrm>
          <a:off x="8161400"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38</xdr:row>
      <xdr:rowOff>0</xdr:rowOff>
    </xdr:from>
    <xdr:to>
      <xdr:col>1</xdr:col>
      <xdr:colOff>1394318</xdr:colOff>
      <xdr:row>38</xdr:row>
      <xdr:rowOff>0</xdr:rowOff>
    </xdr:to>
    <xdr:sp macro="" textlink="">
      <xdr:nvSpPr>
        <xdr:cNvPr id="78" name="Text Box 58">
          <a:extLst>
            <a:ext uri="{FF2B5EF4-FFF2-40B4-BE49-F238E27FC236}">
              <a16:creationId xmlns:a16="http://schemas.microsoft.com/office/drawing/2014/main" id="{C17DA403-10F5-208C-E9F9-E23C6ED98971}"/>
            </a:ext>
          </a:extLst>
        </xdr:cNvPr>
        <xdr:cNvSpPr txBox="1"/>
      </xdr:nvSpPr>
      <xdr:spPr bwMode="auto">
        <a:xfrm>
          <a:off x="1161380" y="107156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79" name="Text Box 59">
          <a:extLst>
            <a:ext uri="{FF2B5EF4-FFF2-40B4-BE49-F238E27FC236}">
              <a16:creationId xmlns:a16="http://schemas.microsoft.com/office/drawing/2014/main" id="{1B13EC27-D8C2-F285-DBBA-96F09B9E3D12}"/>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38</xdr:row>
      <xdr:rowOff>0</xdr:rowOff>
    </xdr:from>
    <xdr:to>
      <xdr:col>4</xdr:col>
      <xdr:colOff>2138539</xdr:colOff>
      <xdr:row>38</xdr:row>
      <xdr:rowOff>0</xdr:rowOff>
    </xdr:to>
    <xdr:sp macro="" textlink="">
      <xdr:nvSpPr>
        <xdr:cNvPr id="80" name="Text Box 60">
          <a:extLst>
            <a:ext uri="{FF2B5EF4-FFF2-40B4-BE49-F238E27FC236}">
              <a16:creationId xmlns:a16="http://schemas.microsoft.com/office/drawing/2014/main" id="{2416CE8B-B64B-24B2-A530-AC7FD5555447}"/>
            </a:ext>
          </a:extLst>
        </xdr:cNvPr>
        <xdr:cNvSpPr txBox="1"/>
      </xdr:nvSpPr>
      <xdr:spPr bwMode="auto">
        <a:xfrm>
          <a:off x="8247013"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81" name="Text Box 61">
          <a:extLst>
            <a:ext uri="{FF2B5EF4-FFF2-40B4-BE49-F238E27FC236}">
              <a16:creationId xmlns:a16="http://schemas.microsoft.com/office/drawing/2014/main" id="{6FD917FA-1251-2658-D1FA-0AC1737722C5}"/>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82" name="Text Box 62">
          <a:extLst>
            <a:ext uri="{FF2B5EF4-FFF2-40B4-BE49-F238E27FC236}">
              <a16:creationId xmlns:a16="http://schemas.microsoft.com/office/drawing/2014/main" id="{030908F2-26DE-0BA5-9A8D-F890993949B4}"/>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83" name="Text Box 51">
          <a:extLst>
            <a:ext uri="{FF2B5EF4-FFF2-40B4-BE49-F238E27FC236}">
              <a16:creationId xmlns:a16="http://schemas.microsoft.com/office/drawing/2014/main" id="{7295308F-0943-7567-7E6A-7FED277D8570}"/>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84" name="Text Box 53">
          <a:extLst>
            <a:ext uri="{FF2B5EF4-FFF2-40B4-BE49-F238E27FC236}">
              <a16:creationId xmlns:a16="http://schemas.microsoft.com/office/drawing/2014/main" id="{9A691E25-38ED-EBB4-3801-9D65FC05EB4F}"/>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1103</xdr:colOff>
      <xdr:row>31</xdr:row>
      <xdr:rowOff>0</xdr:rowOff>
    </xdr:to>
    <xdr:sp macro="" textlink="">
      <xdr:nvSpPr>
        <xdr:cNvPr id="85" name="Text Box 54">
          <a:extLst>
            <a:ext uri="{FF2B5EF4-FFF2-40B4-BE49-F238E27FC236}">
              <a16:creationId xmlns:a16="http://schemas.microsoft.com/office/drawing/2014/main" id="{053F8E8C-9D3D-E879-94FE-85B82505EB1C}"/>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2772489</xdr:colOff>
      <xdr:row>31</xdr:row>
      <xdr:rowOff>0</xdr:rowOff>
    </xdr:from>
    <xdr:to>
      <xdr:col>6</xdr:col>
      <xdr:colOff>426188</xdr:colOff>
      <xdr:row>31</xdr:row>
      <xdr:rowOff>0</xdr:rowOff>
    </xdr:to>
    <xdr:sp macro="" textlink="">
      <xdr:nvSpPr>
        <xdr:cNvPr id="86" name="Text Box 55">
          <a:extLst>
            <a:ext uri="{FF2B5EF4-FFF2-40B4-BE49-F238E27FC236}">
              <a16:creationId xmlns:a16="http://schemas.microsoft.com/office/drawing/2014/main" id="{DE338127-FCCE-A132-3329-D25779C88847}"/>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69359</xdr:colOff>
      <xdr:row>31</xdr:row>
      <xdr:rowOff>0</xdr:rowOff>
    </xdr:from>
    <xdr:to>
      <xdr:col>10</xdr:col>
      <xdr:colOff>274912</xdr:colOff>
      <xdr:row>31</xdr:row>
      <xdr:rowOff>0</xdr:rowOff>
    </xdr:to>
    <xdr:sp macro="" textlink="">
      <xdr:nvSpPr>
        <xdr:cNvPr id="87" name="Text Box 56">
          <a:extLst>
            <a:ext uri="{FF2B5EF4-FFF2-40B4-BE49-F238E27FC236}">
              <a16:creationId xmlns:a16="http://schemas.microsoft.com/office/drawing/2014/main" id="{0F7963DE-3C7F-D986-06A0-D4D225F14CC6}"/>
            </a:ext>
          </a:extLst>
        </xdr:cNvPr>
        <xdr:cNvSpPr txBox="1"/>
      </xdr:nvSpPr>
      <xdr:spPr bwMode="auto">
        <a:xfrm>
          <a:off x="16478064" y="87249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535810</xdr:colOff>
      <xdr:row>38</xdr:row>
      <xdr:rowOff>0</xdr:rowOff>
    </xdr:from>
    <xdr:to>
      <xdr:col>4</xdr:col>
      <xdr:colOff>2041255</xdr:colOff>
      <xdr:row>38</xdr:row>
      <xdr:rowOff>0</xdr:rowOff>
    </xdr:to>
    <xdr:sp macro="" textlink="">
      <xdr:nvSpPr>
        <xdr:cNvPr id="88" name="Text Box 57">
          <a:extLst>
            <a:ext uri="{FF2B5EF4-FFF2-40B4-BE49-F238E27FC236}">
              <a16:creationId xmlns:a16="http://schemas.microsoft.com/office/drawing/2014/main" id="{DD887436-C251-08D6-C946-A7C8A902F0F1}"/>
            </a:ext>
          </a:extLst>
        </xdr:cNvPr>
        <xdr:cNvSpPr txBox="1"/>
      </xdr:nvSpPr>
      <xdr:spPr bwMode="auto">
        <a:xfrm>
          <a:off x="8161400"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887060</xdr:colOff>
      <xdr:row>38</xdr:row>
      <xdr:rowOff>0</xdr:rowOff>
    </xdr:from>
    <xdr:to>
      <xdr:col>1</xdr:col>
      <xdr:colOff>1394318</xdr:colOff>
      <xdr:row>38</xdr:row>
      <xdr:rowOff>0</xdr:rowOff>
    </xdr:to>
    <xdr:sp macro="" textlink="">
      <xdr:nvSpPr>
        <xdr:cNvPr id="89" name="Text Box 58">
          <a:extLst>
            <a:ext uri="{FF2B5EF4-FFF2-40B4-BE49-F238E27FC236}">
              <a16:creationId xmlns:a16="http://schemas.microsoft.com/office/drawing/2014/main" id="{B02E82C5-5DDD-ED1E-9A11-728D064CC23C}"/>
            </a:ext>
          </a:extLst>
        </xdr:cNvPr>
        <xdr:cNvSpPr txBox="1"/>
      </xdr:nvSpPr>
      <xdr:spPr bwMode="auto">
        <a:xfrm>
          <a:off x="1161380" y="107156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90" name="Text Box 59">
          <a:extLst>
            <a:ext uri="{FF2B5EF4-FFF2-40B4-BE49-F238E27FC236}">
              <a16:creationId xmlns:a16="http://schemas.microsoft.com/office/drawing/2014/main" id="{7EB80081-11E7-AD18-A360-E8AA903FCCD5}"/>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32853</xdr:colOff>
      <xdr:row>38</xdr:row>
      <xdr:rowOff>0</xdr:rowOff>
    </xdr:from>
    <xdr:to>
      <xdr:col>4</xdr:col>
      <xdr:colOff>2138539</xdr:colOff>
      <xdr:row>38</xdr:row>
      <xdr:rowOff>0</xdr:rowOff>
    </xdr:to>
    <xdr:sp macro="" textlink="">
      <xdr:nvSpPr>
        <xdr:cNvPr id="91" name="Text Box 60">
          <a:extLst>
            <a:ext uri="{FF2B5EF4-FFF2-40B4-BE49-F238E27FC236}">
              <a16:creationId xmlns:a16="http://schemas.microsoft.com/office/drawing/2014/main" id="{BA4F8CEA-D9EE-1597-2B93-8F8D409C363E}"/>
            </a:ext>
          </a:extLst>
        </xdr:cNvPr>
        <xdr:cNvSpPr txBox="1"/>
      </xdr:nvSpPr>
      <xdr:spPr bwMode="auto">
        <a:xfrm>
          <a:off x="8247013" y="107156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22104</xdr:colOff>
      <xdr:row>38</xdr:row>
      <xdr:rowOff>0</xdr:rowOff>
    </xdr:from>
    <xdr:to>
      <xdr:col>4</xdr:col>
      <xdr:colOff>2142420</xdr:colOff>
      <xdr:row>38</xdr:row>
      <xdr:rowOff>0</xdr:rowOff>
    </xdr:to>
    <xdr:sp macro="" textlink="">
      <xdr:nvSpPr>
        <xdr:cNvPr id="92" name="Text Box 61">
          <a:extLst>
            <a:ext uri="{FF2B5EF4-FFF2-40B4-BE49-F238E27FC236}">
              <a16:creationId xmlns:a16="http://schemas.microsoft.com/office/drawing/2014/main" id="{9658A94C-F44B-61AF-FC26-2F414FECF6BC}"/>
            </a:ext>
          </a:extLst>
        </xdr:cNvPr>
        <xdr:cNvSpPr txBox="1"/>
      </xdr:nvSpPr>
      <xdr:spPr bwMode="auto">
        <a:xfrm>
          <a:off x="8230549" y="107156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93" name="Text Box 62">
          <a:extLst>
            <a:ext uri="{FF2B5EF4-FFF2-40B4-BE49-F238E27FC236}">
              <a16:creationId xmlns:a16="http://schemas.microsoft.com/office/drawing/2014/main" id="{C2BC8A9B-0126-9F6D-F56C-3E9D761E25B9}"/>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2:AG285"/>
  <sheetViews>
    <sheetView tabSelected="1" view="pageBreakPreview" zoomScale="70" zoomScaleNormal="100" zoomScaleSheetLayoutView="70" workbookViewId="0">
      <selection activeCell="E12" sqref="E12"/>
    </sheetView>
  </sheetViews>
  <sheetFormatPr defaultColWidth="9" defaultRowHeight="13.2" x14ac:dyDescent="0.2"/>
  <cols>
    <col min="1" max="2" width="4.21875" style="12" customWidth="1"/>
    <col min="3" max="3" width="25" style="1" customWidth="1"/>
    <col min="4" max="4" width="4.88671875" style="1" customWidth="1"/>
    <col min="5" max="5" width="41.6640625" style="1" customWidth="1"/>
    <col min="6" max="6" width="4.88671875" style="1" customWidth="1"/>
    <col min="7" max="7" width="19.6640625" style="108" customWidth="1"/>
    <col min="8" max="8" width="33.88671875" style="1" customWidth="1"/>
    <col min="9" max="23" width="4.88671875" style="1" customWidth="1"/>
    <col min="24" max="24" width="12.6640625" style="1" customWidth="1"/>
    <col min="25" max="32" width="4.88671875" style="1" customWidth="1"/>
    <col min="33" max="33" width="12" style="1" bestFit="1" customWidth="1"/>
    <col min="34" max="16384" width="9" style="1"/>
  </cols>
  <sheetData>
    <row r="2" spans="1:33" ht="20.25" customHeight="1" x14ac:dyDescent="0.2">
      <c r="A2" s="218" t="s">
        <v>207</v>
      </c>
      <c r="B2" s="218"/>
    </row>
    <row r="3" spans="1:33" ht="20.25" customHeight="1" x14ac:dyDescent="0.2">
      <c r="A3" s="255" t="s">
        <v>208</v>
      </c>
      <c r="B3" s="255"/>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row>
    <row r="4" spans="1:33" ht="20.25" customHeight="1" x14ac:dyDescent="0.2"/>
    <row r="5" spans="1:33" ht="30" customHeight="1" x14ac:dyDescent="0.2">
      <c r="J5" s="12"/>
      <c r="K5" s="12"/>
      <c r="L5" s="12"/>
      <c r="M5" s="12"/>
      <c r="N5" s="12"/>
      <c r="O5" s="12"/>
      <c r="P5" s="12"/>
      <c r="Q5" s="12"/>
      <c r="R5" s="12"/>
      <c r="S5" s="256" t="s">
        <v>209</v>
      </c>
      <c r="T5" s="257"/>
      <c r="U5" s="257"/>
      <c r="V5" s="258"/>
      <c r="W5" s="94"/>
      <c r="X5" s="95"/>
      <c r="Y5" s="95"/>
      <c r="Z5" s="95"/>
      <c r="AA5" s="95"/>
      <c r="AB5" s="95"/>
      <c r="AC5" s="95"/>
      <c r="AD5" s="95"/>
      <c r="AE5" s="95"/>
      <c r="AF5" s="93"/>
    </row>
    <row r="6" spans="1:33" ht="20.25" customHeight="1" x14ac:dyDescent="0.2"/>
    <row r="7" spans="1:33" ht="18" customHeight="1" x14ac:dyDescent="0.2">
      <c r="A7" s="256" t="s">
        <v>81</v>
      </c>
      <c r="B7" s="257"/>
      <c r="C7" s="258"/>
      <c r="D7" s="256" t="s">
        <v>1</v>
      </c>
      <c r="E7" s="258"/>
      <c r="F7" s="259" t="s">
        <v>82</v>
      </c>
      <c r="G7" s="260"/>
      <c r="H7" s="256" t="s">
        <v>202</v>
      </c>
      <c r="I7" s="257"/>
      <c r="J7" s="257"/>
      <c r="K7" s="257"/>
      <c r="L7" s="257"/>
      <c r="M7" s="257"/>
      <c r="N7" s="257"/>
      <c r="O7" s="257"/>
      <c r="P7" s="257"/>
      <c r="Q7" s="257"/>
      <c r="R7" s="257"/>
      <c r="S7" s="257"/>
      <c r="T7" s="257"/>
      <c r="U7" s="257"/>
      <c r="V7" s="257"/>
      <c r="W7" s="257"/>
      <c r="X7" s="258"/>
      <c r="Y7" s="256" t="s">
        <v>138</v>
      </c>
      <c r="Z7" s="257"/>
      <c r="AA7" s="257"/>
      <c r="AB7" s="258"/>
      <c r="AC7" s="256" t="s">
        <v>83</v>
      </c>
      <c r="AD7" s="257"/>
      <c r="AE7" s="257"/>
      <c r="AF7" s="258"/>
    </row>
    <row r="8" spans="1:33" ht="18.75" customHeight="1" x14ac:dyDescent="0.2">
      <c r="A8" s="261" t="s">
        <v>84</v>
      </c>
      <c r="B8" s="262"/>
      <c r="C8" s="263"/>
      <c r="D8" s="86"/>
      <c r="E8" s="4"/>
      <c r="F8" s="6"/>
      <c r="G8" s="187"/>
      <c r="H8" s="267" t="s">
        <v>85</v>
      </c>
      <c r="I8" s="189" t="s">
        <v>182</v>
      </c>
      <c r="J8" s="22" t="s">
        <v>144</v>
      </c>
      <c r="K8" s="96"/>
      <c r="L8" s="96"/>
      <c r="M8" s="189" t="s">
        <v>182</v>
      </c>
      <c r="N8" s="22" t="s">
        <v>145</v>
      </c>
      <c r="O8" s="96"/>
      <c r="P8" s="96"/>
      <c r="Q8" s="189" t="s">
        <v>182</v>
      </c>
      <c r="R8" s="22" t="s">
        <v>146</v>
      </c>
      <c r="S8" s="96"/>
      <c r="T8" s="96"/>
      <c r="U8" s="189" t="s">
        <v>182</v>
      </c>
      <c r="V8" s="22" t="s">
        <v>147</v>
      </c>
      <c r="W8" s="96"/>
      <c r="X8" s="97"/>
      <c r="Y8" s="269"/>
      <c r="Z8" s="270"/>
      <c r="AA8" s="270"/>
      <c r="AB8" s="271"/>
      <c r="AC8" s="269"/>
      <c r="AD8" s="270"/>
      <c r="AE8" s="270"/>
      <c r="AF8" s="271"/>
    </row>
    <row r="9" spans="1:33" ht="18.75" customHeight="1" x14ac:dyDescent="0.2">
      <c r="A9" s="264"/>
      <c r="B9" s="265"/>
      <c r="C9" s="266"/>
      <c r="D9" s="88"/>
      <c r="E9" s="183"/>
      <c r="F9" s="139"/>
      <c r="G9" s="155"/>
      <c r="H9" s="268"/>
      <c r="I9" s="184" t="s">
        <v>182</v>
      </c>
      <c r="J9" s="185" t="s">
        <v>148</v>
      </c>
      <c r="K9" s="186"/>
      <c r="L9" s="186"/>
      <c r="M9" s="154" t="s">
        <v>182</v>
      </c>
      <c r="N9" s="185" t="s">
        <v>149</v>
      </c>
      <c r="O9" s="186"/>
      <c r="P9" s="186"/>
      <c r="Q9" s="154" t="s">
        <v>182</v>
      </c>
      <c r="R9" s="185" t="s">
        <v>150</v>
      </c>
      <c r="S9" s="186"/>
      <c r="T9" s="186"/>
      <c r="U9" s="154" t="s">
        <v>182</v>
      </c>
      <c r="V9" s="185" t="s">
        <v>151</v>
      </c>
      <c r="W9" s="186"/>
      <c r="X9" s="140"/>
      <c r="Y9" s="272"/>
      <c r="Z9" s="273"/>
      <c r="AA9" s="273"/>
      <c r="AB9" s="274"/>
      <c r="AC9" s="272"/>
      <c r="AD9" s="273"/>
      <c r="AE9" s="273"/>
      <c r="AF9" s="274"/>
    </row>
    <row r="10" spans="1:33" ht="19.5" customHeight="1" x14ac:dyDescent="0.2">
      <c r="A10" s="104"/>
      <c r="B10" s="98"/>
      <c r="C10" s="105"/>
      <c r="D10" s="106"/>
      <c r="E10" s="100"/>
      <c r="F10" s="91"/>
      <c r="G10" s="107"/>
      <c r="H10" s="180" t="s">
        <v>186</v>
      </c>
      <c r="I10" s="118" t="s">
        <v>182</v>
      </c>
      <c r="J10" s="119" t="s">
        <v>183</v>
      </c>
      <c r="K10" s="120"/>
      <c r="L10" s="121"/>
      <c r="M10" s="122" t="s">
        <v>182</v>
      </c>
      <c r="N10" s="119" t="s">
        <v>187</v>
      </c>
      <c r="O10" s="122"/>
      <c r="P10" s="119"/>
      <c r="Q10" s="123"/>
      <c r="R10" s="123"/>
      <c r="S10" s="123"/>
      <c r="T10" s="123"/>
      <c r="U10" s="123"/>
      <c r="V10" s="123"/>
      <c r="W10" s="123"/>
      <c r="X10" s="124"/>
      <c r="Y10" s="189" t="s">
        <v>182</v>
      </c>
      <c r="Z10" s="22" t="s">
        <v>152</v>
      </c>
      <c r="AA10" s="22"/>
      <c r="AB10" s="103"/>
      <c r="AC10" s="189" t="s">
        <v>182</v>
      </c>
      <c r="AD10" s="22" t="s">
        <v>152</v>
      </c>
      <c r="AE10" s="22"/>
      <c r="AF10" s="103"/>
    </row>
    <row r="11" spans="1:33" ht="19.5" customHeight="1" x14ac:dyDescent="0.2">
      <c r="A11" s="104"/>
      <c r="B11" s="98"/>
      <c r="C11" s="105"/>
      <c r="D11" s="106"/>
      <c r="E11" s="100"/>
      <c r="F11" s="91"/>
      <c r="G11" s="107"/>
      <c r="H11" s="192" t="s">
        <v>197</v>
      </c>
      <c r="I11" s="193" t="s">
        <v>182</v>
      </c>
      <c r="J11" s="194" t="s">
        <v>183</v>
      </c>
      <c r="K11" s="195"/>
      <c r="L11" s="196"/>
      <c r="M11" s="197" t="s">
        <v>182</v>
      </c>
      <c r="N11" s="194" t="s">
        <v>187</v>
      </c>
      <c r="O11" s="197"/>
      <c r="P11" s="194"/>
      <c r="Q11" s="198"/>
      <c r="R11" s="198"/>
      <c r="S11" s="198"/>
      <c r="T11" s="198"/>
      <c r="U11" s="198"/>
      <c r="V11" s="198"/>
      <c r="W11" s="198"/>
      <c r="X11" s="199"/>
      <c r="Y11" s="189" t="s">
        <v>182</v>
      </c>
      <c r="Z11" s="191" t="s">
        <v>157</v>
      </c>
      <c r="AA11" s="190"/>
      <c r="AB11" s="110"/>
      <c r="AC11" s="189" t="s">
        <v>182</v>
      </c>
      <c r="AD11" s="191" t="s">
        <v>157</v>
      </c>
      <c r="AE11" s="190"/>
      <c r="AF11" s="110"/>
    </row>
    <row r="12" spans="1:33" ht="19.5" customHeight="1" x14ac:dyDescent="0.2">
      <c r="A12" s="104"/>
      <c r="B12" s="98"/>
      <c r="C12" s="166"/>
      <c r="D12" s="91"/>
      <c r="E12" s="100"/>
      <c r="F12" s="91"/>
      <c r="G12" s="182"/>
      <c r="H12" s="222" t="s">
        <v>112</v>
      </c>
      <c r="I12" s="189" t="s">
        <v>182</v>
      </c>
      <c r="J12" s="129" t="s">
        <v>153</v>
      </c>
      <c r="K12" s="133"/>
      <c r="L12" s="189" t="s">
        <v>182</v>
      </c>
      <c r="M12" s="129" t="s">
        <v>164</v>
      </c>
      <c r="N12" s="129"/>
      <c r="O12" s="129"/>
      <c r="P12" s="129"/>
      <c r="Q12" s="129"/>
      <c r="R12" s="129"/>
      <c r="S12" s="129"/>
      <c r="T12" s="129"/>
      <c r="U12" s="129"/>
      <c r="V12" s="129"/>
      <c r="W12" s="129"/>
      <c r="X12" s="130"/>
      <c r="Y12" s="189"/>
      <c r="Z12" s="191"/>
      <c r="AA12" s="190"/>
      <c r="AB12" s="110"/>
      <c r="AC12" s="189"/>
      <c r="AD12" s="191"/>
      <c r="AE12" s="190"/>
      <c r="AF12" s="110"/>
      <c r="AG12" s="219"/>
    </row>
    <row r="13" spans="1:33" ht="18.75" customHeight="1" x14ac:dyDescent="0.2">
      <c r="A13" s="104"/>
      <c r="B13" s="98"/>
      <c r="C13" s="166"/>
      <c r="D13" s="91"/>
      <c r="E13" s="100"/>
      <c r="F13" s="91"/>
      <c r="G13" s="182"/>
      <c r="H13" s="275" t="s">
        <v>204</v>
      </c>
      <c r="I13" s="277" t="s">
        <v>182</v>
      </c>
      <c r="J13" s="279" t="s">
        <v>158</v>
      </c>
      <c r="K13" s="279"/>
      <c r="L13" s="279"/>
      <c r="M13" s="277" t="s">
        <v>182</v>
      </c>
      <c r="N13" s="279" t="s">
        <v>159</v>
      </c>
      <c r="O13" s="279"/>
      <c r="P13" s="279"/>
      <c r="Q13" s="135"/>
      <c r="R13" s="135"/>
      <c r="S13" s="135"/>
      <c r="T13" s="135"/>
      <c r="U13" s="135"/>
      <c r="V13" s="135"/>
      <c r="W13" s="135"/>
      <c r="X13" s="136"/>
      <c r="Y13" s="188"/>
      <c r="Z13" s="188"/>
      <c r="AA13" s="188"/>
      <c r="AB13" s="110"/>
      <c r="AC13" s="188"/>
      <c r="AD13" s="188"/>
      <c r="AE13" s="188"/>
      <c r="AF13" s="110"/>
    </row>
    <row r="14" spans="1:33" ht="18.75" customHeight="1" x14ac:dyDescent="0.2">
      <c r="A14" s="104"/>
      <c r="B14" s="98"/>
      <c r="C14" s="166"/>
      <c r="D14" s="91"/>
      <c r="E14" s="100"/>
      <c r="F14" s="91"/>
      <c r="G14" s="182"/>
      <c r="H14" s="276"/>
      <c r="I14" s="278"/>
      <c r="J14" s="280"/>
      <c r="K14" s="280"/>
      <c r="L14" s="280"/>
      <c r="M14" s="278"/>
      <c r="N14" s="280"/>
      <c r="O14" s="280"/>
      <c r="P14" s="280"/>
      <c r="Q14" s="114"/>
      <c r="R14" s="114"/>
      <c r="S14" s="114"/>
      <c r="T14" s="114"/>
      <c r="U14" s="114"/>
      <c r="V14" s="114"/>
      <c r="W14" s="114"/>
      <c r="X14" s="115"/>
      <c r="Y14" s="116"/>
      <c r="Z14" s="190"/>
      <c r="AA14" s="190"/>
      <c r="AB14" s="110"/>
      <c r="AC14" s="116"/>
      <c r="AD14" s="190"/>
      <c r="AE14" s="190"/>
      <c r="AF14" s="110"/>
    </row>
    <row r="15" spans="1:33" ht="18.75" customHeight="1" x14ac:dyDescent="0.2">
      <c r="A15" s="104"/>
      <c r="B15" s="98"/>
      <c r="C15" s="166"/>
      <c r="D15" s="91"/>
      <c r="E15" s="100"/>
      <c r="F15" s="91"/>
      <c r="G15" s="182"/>
      <c r="H15" s="275" t="s">
        <v>205</v>
      </c>
      <c r="I15" s="277" t="s">
        <v>182</v>
      </c>
      <c r="J15" s="279" t="s">
        <v>158</v>
      </c>
      <c r="K15" s="279"/>
      <c r="L15" s="279"/>
      <c r="M15" s="277" t="s">
        <v>182</v>
      </c>
      <c r="N15" s="279" t="s">
        <v>159</v>
      </c>
      <c r="O15" s="279"/>
      <c r="P15" s="279"/>
      <c r="Q15" s="135"/>
      <c r="R15" s="135"/>
      <c r="S15" s="135"/>
      <c r="T15" s="135"/>
      <c r="U15" s="135"/>
      <c r="V15" s="135"/>
      <c r="W15" s="135"/>
      <c r="X15" s="136"/>
      <c r="Y15" s="116"/>
      <c r="Z15" s="190"/>
      <c r="AA15" s="190"/>
      <c r="AB15" s="110"/>
      <c r="AC15" s="116"/>
      <c r="AD15" s="190"/>
      <c r="AE15" s="190"/>
      <c r="AF15" s="110"/>
      <c r="AG15" s="219"/>
    </row>
    <row r="16" spans="1:33" ht="18.75" customHeight="1" x14ac:dyDescent="0.2">
      <c r="A16" s="99" t="s">
        <v>182</v>
      </c>
      <c r="B16" s="98">
        <v>76</v>
      </c>
      <c r="C16" s="166" t="s">
        <v>210</v>
      </c>
      <c r="D16" s="99" t="s">
        <v>182</v>
      </c>
      <c r="E16" s="100" t="s">
        <v>211</v>
      </c>
      <c r="F16" s="91"/>
      <c r="G16" s="182"/>
      <c r="H16" s="276"/>
      <c r="I16" s="278"/>
      <c r="J16" s="280"/>
      <c r="K16" s="280"/>
      <c r="L16" s="280"/>
      <c r="M16" s="278"/>
      <c r="N16" s="280"/>
      <c r="O16" s="280"/>
      <c r="P16" s="280"/>
      <c r="Q16" s="114"/>
      <c r="R16" s="114"/>
      <c r="S16" s="114"/>
      <c r="T16" s="114"/>
      <c r="U16" s="114"/>
      <c r="V16" s="114"/>
      <c r="W16" s="114"/>
      <c r="X16" s="115"/>
      <c r="Y16" s="116"/>
      <c r="Z16" s="190"/>
      <c r="AA16" s="190"/>
      <c r="AB16" s="110"/>
      <c r="AC16" s="116"/>
      <c r="AD16" s="190"/>
      <c r="AE16" s="190"/>
      <c r="AF16" s="110"/>
      <c r="AG16" s="219"/>
    </row>
    <row r="17" spans="1:33" ht="18.75" customHeight="1" x14ac:dyDescent="0.2">
      <c r="A17" s="104"/>
      <c r="B17" s="98"/>
      <c r="C17" s="166" t="s">
        <v>212</v>
      </c>
      <c r="D17" s="99" t="s">
        <v>182</v>
      </c>
      <c r="E17" s="100" t="s">
        <v>213</v>
      </c>
      <c r="F17" s="91"/>
      <c r="G17" s="182"/>
      <c r="H17" s="172" t="s">
        <v>214</v>
      </c>
      <c r="I17" s="118" t="s">
        <v>182</v>
      </c>
      <c r="J17" s="119" t="s">
        <v>153</v>
      </c>
      <c r="K17" s="120"/>
      <c r="L17" s="122" t="s">
        <v>182</v>
      </c>
      <c r="M17" s="119" t="s">
        <v>165</v>
      </c>
      <c r="N17" s="119"/>
      <c r="O17" s="151" t="s">
        <v>182</v>
      </c>
      <c r="P17" s="128" t="s">
        <v>215</v>
      </c>
      <c r="Q17" s="119"/>
      <c r="R17" s="119"/>
      <c r="S17" s="120"/>
      <c r="T17" s="120"/>
      <c r="U17" s="120"/>
      <c r="V17" s="120"/>
      <c r="W17" s="120"/>
      <c r="X17" s="127"/>
      <c r="Y17" s="116"/>
      <c r="Z17" s="190"/>
      <c r="AA17" s="190"/>
      <c r="AB17" s="110"/>
      <c r="AC17" s="116"/>
      <c r="AD17" s="190"/>
      <c r="AE17" s="190"/>
      <c r="AF17" s="110"/>
    </row>
    <row r="18" spans="1:33" ht="18.75" customHeight="1" x14ac:dyDescent="0.2">
      <c r="A18" s="104"/>
      <c r="B18" s="98"/>
      <c r="C18" s="166"/>
      <c r="D18" s="91"/>
      <c r="E18" s="100"/>
      <c r="F18" s="91"/>
      <c r="G18" s="182"/>
      <c r="H18" s="172" t="s">
        <v>216</v>
      </c>
      <c r="I18" s="118" t="s">
        <v>182</v>
      </c>
      <c r="J18" s="119" t="s">
        <v>162</v>
      </c>
      <c r="K18" s="120"/>
      <c r="L18" s="121"/>
      <c r="M18" s="189" t="s">
        <v>182</v>
      </c>
      <c r="N18" s="119" t="s">
        <v>163</v>
      </c>
      <c r="O18" s="123"/>
      <c r="P18" s="123"/>
      <c r="Q18" s="120"/>
      <c r="R18" s="120"/>
      <c r="S18" s="120"/>
      <c r="T18" s="120"/>
      <c r="U18" s="120"/>
      <c r="V18" s="120"/>
      <c r="W18" s="120"/>
      <c r="X18" s="127"/>
      <c r="Y18" s="116"/>
      <c r="Z18" s="190"/>
      <c r="AA18" s="190"/>
      <c r="AB18" s="110"/>
      <c r="AC18" s="116"/>
      <c r="AD18" s="190"/>
      <c r="AE18" s="190"/>
      <c r="AF18" s="110"/>
    </row>
    <row r="19" spans="1:33" ht="18.75" customHeight="1" x14ac:dyDescent="0.2">
      <c r="A19" s="99"/>
      <c r="B19" s="98"/>
      <c r="C19" s="166"/>
      <c r="D19" s="99"/>
      <c r="E19" s="100"/>
      <c r="F19" s="91"/>
      <c r="G19" s="182"/>
      <c r="H19" s="172" t="s">
        <v>86</v>
      </c>
      <c r="I19" s="118" t="s">
        <v>182</v>
      </c>
      <c r="J19" s="119" t="s">
        <v>153</v>
      </c>
      <c r="K19" s="120"/>
      <c r="L19" s="122" t="s">
        <v>182</v>
      </c>
      <c r="M19" s="119" t="s">
        <v>164</v>
      </c>
      <c r="N19" s="119"/>
      <c r="O19" s="120"/>
      <c r="P19" s="120"/>
      <c r="Q19" s="120"/>
      <c r="R19" s="120"/>
      <c r="S19" s="120"/>
      <c r="T19" s="120"/>
      <c r="U19" s="120"/>
      <c r="V19" s="120"/>
      <c r="W19" s="120"/>
      <c r="X19" s="127"/>
      <c r="Y19" s="116"/>
      <c r="Z19" s="190"/>
      <c r="AA19" s="190"/>
      <c r="AB19" s="110"/>
      <c r="AC19" s="116"/>
      <c r="AD19" s="190"/>
      <c r="AE19" s="190"/>
      <c r="AF19" s="110"/>
    </row>
    <row r="20" spans="1:33" ht="18.75" customHeight="1" x14ac:dyDescent="0.2">
      <c r="A20" s="104"/>
      <c r="B20" s="98"/>
      <c r="C20" s="166"/>
      <c r="D20" s="99"/>
      <c r="E20" s="100"/>
      <c r="F20" s="91"/>
      <c r="G20" s="182"/>
      <c r="H20" s="172" t="s">
        <v>217</v>
      </c>
      <c r="I20" s="118" t="s">
        <v>182</v>
      </c>
      <c r="J20" s="119" t="s">
        <v>153</v>
      </c>
      <c r="K20" s="120"/>
      <c r="L20" s="122" t="s">
        <v>182</v>
      </c>
      <c r="M20" s="119" t="s">
        <v>165</v>
      </c>
      <c r="N20" s="119"/>
      <c r="O20" s="151" t="s">
        <v>182</v>
      </c>
      <c r="P20" s="128" t="s">
        <v>166</v>
      </c>
      <c r="Q20" s="119"/>
      <c r="R20" s="119"/>
      <c r="S20" s="120"/>
      <c r="T20" s="119"/>
      <c r="U20" s="120"/>
      <c r="V20" s="120"/>
      <c r="W20" s="120"/>
      <c r="X20" s="127"/>
      <c r="Y20" s="116"/>
      <c r="Z20" s="190"/>
      <c r="AA20" s="190"/>
      <c r="AB20" s="110"/>
      <c r="AC20" s="116"/>
      <c r="AD20" s="190"/>
      <c r="AE20" s="190"/>
      <c r="AF20" s="110"/>
    </row>
    <row r="21" spans="1:33" ht="18.75" customHeight="1" x14ac:dyDescent="0.2">
      <c r="A21" s="104"/>
      <c r="B21" s="98"/>
      <c r="C21" s="166"/>
      <c r="D21" s="91"/>
      <c r="E21" s="100"/>
      <c r="F21" s="91"/>
      <c r="G21" s="182"/>
      <c r="H21" s="147" t="s">
        <v>100</v>
      </c>
      <c r="I21" s="220" t="s">
        <v>182</v>
      </c>
      <c r="J21" s="119" t="s">
        <v>153</v>
      </c>
      <c r="K21" s="119"/>
      <c r="L21" s="122" t="s">
        <v>182</v>
      </c>
      <c r="M21" s="119" t="s">
        <v>154</v>
      </c>
      <c r="N21" s="119"/>
      <c r="O21" s="122" t="s">
        <v>182</v>
      </c>
      <c r="P21" s="119" t="s">
        <v>155</v>
      </c>
      <c r="Q21" s="123"/>
      <c r="R21" s="120"/>
      <c r="S21" s="120"/>
      <c r="T21" s="120"/>
      <c r="U21" s="120"/>
      <c r="V21" s="120"/>
      <c r="W21" s="120"/>
      <c r="X21" s="127"/>
      <c r="Y21" s="116"/>
      <c r="Z21" s="190"/>
      <c r="AA21" s="190"/>
      <c r="AB21" s="110"/>
      <c r="AC21" s="116"/>
      <c r="AD21" s="190"/>
      <c r="AE21" s="190"/>
      <c r="AF21" s="110"/>
    </row>
    <row r="22" spans="1:33" ht="19.5" customHeight="1" x14ac:dyDescent="0.2">
      <c r="A22" s="104"/>
      <c r="B22" s="98"/>
      <c r="C22" s="105"/>
      <c r="D22" s="106"/>
      <c r="E22" s="100"/>
      <c r="F22" s="91"/>
      <c r="G22" s="107"/>
      <c r="H22" s="117" t="s">
        <v>188</v>
      </c>
      <c r="I22" s="118" t="s">
        <v>182</v>
      </c>
      <c r="J22" s="119" t="s">
        <v>153</v>
      </c>
      <c r="K22" s="119"/>
      <c r="L22" s="122" t="s">
        <v>182</v>
      </c>
      <c r="M22" s="119" t="s">
        <v>164</v>
      </c>
      <c r="N22" s="119"/>
      <c r="O22" s="123"/>
      <c r="P22" s="119"/>
      <c r="Q22" s="123"/>
      <c r="R22" s="123"/>
      <c r="S22" s="123"/>
      <c r="T22" s="123"/>
      <c r="U22" s="123"/>
      <c r="V22" s="123"/>
      <c r="W22" s="123"/>
      <c r="X22" s="124"/>
      <c r="Y22" s="190"/>
      <c r="Z22" s="190"/>
      <c r="AA22" s="190"/>
      <c r="AB22" s="110"/>
      <c r="AC22" s="116"/>
      <c r="AD22" s="190"/>
      <c r="AE22" s="190"/>
      <c r="AF22" s="110"/>
    </row>
    <row r="23" spans="1:33" ht="18.75" customHeight="1" x14ac:dyDescent="0.2">
      <c r="A23" s="104"/>
      <c r="B23" s="98"/>
      <c r="C23" s="166"/>
      <c r="D23" s="91"/>
      <c r="E23" s="100"/>
      <c r="F23" s="91"/>
      <c r="G23" s="182"/>
      <c r="H23" s="172" t="s">
        <v>101</v>
      </c>
      <c r="I23" s="118" t="s">
        <v>182</v>
      </c>
      <c r="J23" s="119" t="s">
        <v>153</v>
      </c>
      <c r="K23" s="119"/>
      <c r="L23" s="122" t="s">
        <v>182</v>
      </c>
      <c r="M23" s="119" t="s">
        <v>160</v>
      </c>
      <c r="N23" s="119"/>
      <c r="O23" s="122" t="s">
        <v>182</v>
      </c>
      <c r="P23" s="119" t="s">
        <v>161</v>
      </c>
      <c r="Q23" s="149"/>
      <c r="R23" s="122" t="s">
        <v>182</v>
      </c>
      <c r="S23" s="119" t="s">
        <v>170</v>
      </c>
      <c r="T23" s="119"/>
      <c r="U23" s="119"/>
      <c r="V23" s="119"/>
      <c r="W23" s="119"/>
      <c r="X23" s="126"/>
      <c r="Y23" s="116"/>
      <c r="Z23" s="190"/>
      <c r="AA23" s="190"/>
      <c r="AB23" s="110"/>
      <c r="AC23" s="116"/>
      <c r="AD23" s="190"/>
      <c r="AE23" s="190"/>
      <c r="AF23" s="110"/>
    </row>
    <row r="24" spans="1:33" ht="18.75" customHeight="1" x14ac:dyDescent="0.2">
      <c r="A24" s="137"/>
      <c r="B24" s="89"/>
      <c r="C24" s="138"/>
      <c r="D24" s="139"/>
      <c r="E24" s="140"/>
      <c r="F24" s="92"/>
      <c r="G24" s="141"/>
      <c r="H24" s="223" t="s">
        <v>201</v>
      </c>
      <c r="I24" s="208" t="s">
        <v>182</v>
      </c>
      <c r="J24" s="209" t="s">
        <v>153</v>
      </c>
      <c r="K24" s="209"/>
      <c r="L24" s="210" t="s">
        <v>182</v>
      </c>
      <c r="M24" s="209" t="s">
        <v>189</v>
      </c>
      <c r="N24" s="224"/>
      <c r="O24" s="210" t="s">
        <v>182</v>
      </c>
      <c r="P24" s="201" t="s">
        <v>190</v>
      </c>
      <c r="Q24" s="225"/>
      <c r="R24" s="210" t="s">
        <v>182</v>
      </c>
      <c r="S24" s="209" t="s">
        <v>191</v>
      </c>
      <c r="T24" s="225"/>
      <c r="U24" s="210" t="s">
        <v>182</v>
      </c>
      <c r="V24" s="209" t="s">
        <v>192</v>
      </c>
      <c r="W24" s="226"/>
      <c r="X24" s="227"/>
      <c r="Y24" s="142"/>
      <c r="Z24" s="142"/>
      <c r="AA24" s="142"/>
      <c r="AB24" s="143"/>
      <c r="AC24" s="144"/>
      <c r="AD24" s="142"/>
      <c r="AE24" s="142"/>
      <c r="AF24" s="143"/>
    </row>
    <row r="25" spans="1:33" ht="18.75" customHeight="1" x14ac:dyDescent="0.2">
      <c r="A25" s="41"/>
      <c r="B25" s="87"/>
      <c r="C25" s="162"/>
      <c r="D25" s="6"/>
      <c r="E25" s="97"/>
      <c r="F25" s="90"/>
      <c r="G25" s="23"/>
      <c r="H25" s="230" t="s">
        <v>87</v>
      </c>
      <c r="I25" s="156" t="s">
        <v>182</v>
      </c>
      <c r="J25" s="157" t="s">
        <v>153</v>
      </c>
      <c r="K25" s="157"/>
      <c r="L25" s="163"/>
      <c r="M25" s="159" t="s">
        <v>182</v>
      </c>
      <c r="N25" s="157" t="s">
        <v>168</v>
      </c>
      <c r="O25" s="157"/>
      <c r="P25" s="163"/>
      <c r="Q25" s="159" t="s">
        <v>182</v>
      </c>
      <c r="R25" s="164" t="s">
        <v>169</v>
      </c>
      <c r="S25" s="164"/>
      <c r="T25" s="164"/>
      <c r="U25" s="164"/>
      <c r="V25" s="164"/>
      <c r="W25" s="164"/>
      <c r="X25" s="165"/>
      <c r="Y25" s="101" t="s">
        <v>182</v>
      </c>
      <c r="Z25" s="22" t="s">
        <v>152</v>
      </c>
      <c r="AA25" s="22"/>
      <c r="AB25" s="103"/>
      <c r="AC25" s="101" t="s">
        <v>182</v>
      </c>
      <c r="AD25" s="22" t="s">
        <v>152</v>
      </c>
      <c r="AE25" s="22"/>
      <c r="AF25" s="103"/>
      <c r="AG25" s="219"/>
    </row>
    <row r="26" spans="1:33" ht="19.5" customHeight="1" x14ac:dyDescent="0.2">
      <c r="A26" s="104"/>
      <c r="B26" s="98"/>
      <c r="C26" s="105"/>
      <c r="D26" s="106"/>
      <c r="E26" s="100"/>
      <c r="F26" s="91"/>
      <c r="G26" s="107"/>
      <c r="H26" s="212" t="s">
        <v>186</v>
      </c>
      <c r="I26" s="112" t="s">
        <v>182</v>
      </c>
      <c r="J26" s="129" t="s">
        <v>183</v>
      </c>
      <c r="K26" s="133"/>
      <c r="L26" s="177"/>
      <c r="M26" s="146" t="s">
        <v>182</v>
      </c>
      <c r="N26" s="129" t="s">
        <v>187</v>
      </c>
      <c r="O26" s="146"/>
      <c r="P26" s="129"/>
      <c r="Q26" s="114"/>
      <c r="R26" s="114"/>
      <c r="S26" s="114"/>
      <c r="T26" s="114"/>
      <c r="U26" s="114"/>
      <c r="V26" s="114"/>
      <c r="W26" s="114"/>
      <c r="X26" s="115"/>
      <c r="Y26" s="189" t="s">
        <v>182</v>
      </c>
      <c r="Z26" s="191" t="s">
        <v>157</v>
      </c>
      <c r="AA26" s="190"/>
      <c r="AB26" s="110"/>
      <c r="AC26" s="189" t="s">
        <v>182</v>
      </c>
      <c r="AD26" s="191" t="s">
        <v>157</v>
      </c>
      <c r="AE26" s="190"/>
      <c r="AF26" s="110"/>
    </row>
    <row r="27" spans="1:33" ht="19.5" customHeight="1" x14ac:dyDescent="0.2">
      <c r="A27" s="104"/>
      <c r="B27" s="98"/>
      <c r="C27" s="105"/>
      <c r="D27" s="106"/>
      <c r="E27" s="100"/>
      <c r="F27" s="91"/>
      <c r="G27" s="107"/>
      <c r="H27" s="117" t="s">
        <v>197</v>
      </c>
      <c r="I27" s="118" t="s">
        <v>182</v>
      </c>
      <c r="J27" s="119" t="s">
        <v>183</v>
      </c>
      <c r="K27" s="120"/>
      <c r="L27" s="121"/>
      <c r="M27" s="122" t="s">
        <v>182</v>
      </c>
      <c r="N27" s="119" t="s">
        <v>187</v>
      </c>
      <c r="O27" s="122"/>
      <c r="P27" s="119"/>
      <c r="Q27" s="123"/>
      <c r="R27" s="123"/>
      <c r="S27" s="123"/>
      <c r="T27" s="123"/>
      <c r="U27" s="123"/>
      <c r="V27" s="123"/>
      <c r="W27" s="123"/>
      <c r="X27" s="124"/>
      <c r="Y27" s="116"/>
      <c r="Z27" s="190"/>
      <c r="AA27" s="190"/>
      <c r="AB27" s="110"/>
      <c r="AC27" s="116"/>
      <c r="AD27" s="190"/>
      <c r="AE27" s="190"/>
      <c r="AF27" s="110"/>
    </row>
    <row r="28" spans="1:33" ht="18.75" customHeight="1" x14ac:dyDescent="0.2">
      <c r="A28" s="104"/>
      <c r="B28" s="98"/>
      <c r="C28" s="166"/>
      <c r="D28" s="91"/>
      <c r="E28" s="100"/>
      <c r="F28" s="91"/>
      <c r="G28" s="182"/>
      <c r="H28" s="275" t="s">
        <v>136</v>
      </c>
      <c r="I28" s="285" t="s">
        <v>182</v>
      </c>
      <c r="J28" s="279" t="s">
        <v>153</v>
      </c>
      <c r="K28" s="279"/>
      <c r="L28" s="289" t="s">
        <v>182</v>
      </c>
      <c r="M28" s="279" t="s">
        <v>164</v>
      </c>
      <c r="N28" s="279"/>
      <c r="O28" s="131"/>
      <c r="P28" s="131"/>
      <c r="Q28" s="131"/>
      <c r="R28" s="131"/>
      <c r="S28" s="131"/>
      <c r="T28" s="131"/>
      <c r="U28" s="131"/>
      <c r="V28" s="131"/>
      <c r="W28" s="131"/>
      <c r="X28" s="152"/>
      <c r="Y28" s="116"/>
      <c r="Z28" s="190"/>
      <c r="AA28" s="190"/>
      <c r="AB28" s="110"/>
      <c r="AC28" s="116"/>
      <c r="AD28" s="190"/>
      <c r="AE28" s="190"/>
      <c r="AF28" s="110"/>
    </row>
    <row r="29" spans="1:33" ht="18.75" customHeight="1" x14ac:dyDescent="0.2">
      <c r="A29" s="104"/>
      <c r="B29" s="98"/>
      <c r="C29" s="166"/>
      <c r="D29" s="91"/>
      <c r="E29" s="100"/>
      <c r="F29" s="91"/>
      <c r="G29" s="182"/>
      <c r="H29" s="284"/>
      <c r="I29" s="286"/>
      <c r="J29" s="288"/>
      <c r="K29" s="288"/>
      <c r="L29" s="290"/>
      <c r="M29" s="288"/>
      <c r="N29" s="288"/>
      <c r="O29" s="188"/>
      <c r="P29" s="188"/>
      <c r="Q29" s="188"/>
      <c r="R29" s="188"/>
      <c r="S29" s="188"/>
      <c r="T29" s="188"/>
      <c r="U29" s="188"/>
      <c r="V29" s="188"/>
      <c r="W29" s="188"/>
      <c r="X29" s="153"/>
      <c r="Y29" s="116"/>
      <c r="Z29" s="190"/>
      <c r="AA29" s="190"/>
      <c r="AB29" s="110"/>
      <c r="AC29" s="116"/>
      <c r="AD29" s="190"/>
      <c r="AE29" s="190"/>
      <c r="AF29" s="110"/>
    </row>
    <row r="30" spans="1:33" ht="18.75" customHeight="1" x14ac:dyDescent="0.2">
      <c r="A30" s="104"/>
      <c r="B30" s="98"/>
      <c r="C30" s="166"/>
      <c r="D30" s="91"/>
      <c r="E30" s="100"/>
      <c r="F30" s="91"/>
      <c r="G30" s="182"/>
      <c r="H30" s="276"/>
      <c r="I30" s="287"/>
      <c r="J30" s="280"/>
      <c r="K30" s="280"/>
      <c r="L30" s="291"/>
      <c r="M30" s="280"/>
      <c r="N30" s="280"/>
      <c r="O30" s="113"/>
      <c r="P30" s="113"/>
      <c r="Q30" s="113"/>
      <c r="R30" s="113"/>
      <c r="S30" s="113"/>
      <c r="T30" s="113"/>
      <c r="U30" s="113"/>
      <c r="V30" s="113"/>
      <c r="W30" s="113"/>
      <c r="X30" s="167"/>
      <c r="Y30" s="116"/>
      <c r="Z30" s="190"/>
      <c r="AA30" s="190"/>
      <c r="AB30" s="110"/>
      <c r="AC30" s="116"/>
      <c r="AD30" s="190"/>
      <c r="AE30" s="190"/>
      <c r="AF30" s="110"/>
    </row>
    <row r="31" spans="1:33" ht="18.75" customHeight="1" x14ac:dyDescent="0.2">
      <c r="A31" s="104"/>
      <c r="B31" s="98"/>
      <c r="C31" s="166"/>
      <c r="D31" s="91"/>
      <c r="E31" s="100"/>
      <c r="F31" s="91"/>
      <c r="G31" s="182"/>
      <c r="H31" s="172" t="s">
        <v>220</v>
      </c>
      <c r="I31" s="189" t="s">
        <v>182</v>
      </c>
      <c r="J31" s="119" t="s">
        <v>162</v>
      </c>
      <c r="K31" s="120"/>
      <c r="L31" s="121"/>
      <c r="M31" s="189" t="s">
        <v>182</v>
      </c>
      <c r="N31" s="119" t="s">
        <v>163</v>
      </c>
      <c r="O31" s="123"/>
      <c r="P31" s="123"/>
      <c r="Q31" s="123"/>
      <c r="R31" s="123"/>
      <c r="S31" s="123"/>
      <c r="T31" s="123"/>
      <c r="U31" s="123"/>
      <c r="V31" s="123"/>
      <c r="W31" s="123"/>
      <c r="X31" s="124"/>
      <c r="Y31" s="116"/>
      <c r="Z31" s="190"/>
      <c r="AA31" s="190"/>
      <c r="AB31" s="110"/>
      <c r="AC31" s="116"/>
      <c r="AD31" s="190"/>
      <c r="AE31" s="190"/>
      <c r="AF31" s="110"/>
    </row>
    <row r="32" spans="1:33" ht="18.75" customHeight="1" x14ac:dyDescent="0.2">
      <c r="A32" s="104"/>
      <c r="B32" s="98"/>
      <c r="C32" s="166"/>
      <c r="D32" s="91"/>
      <c r="E32" s="100"/>
      <c r="F32" s="91"/>
      <c r="G32" s="182"/>
      <c r="H32" s="275" t="s">
        <v>114</v>
      </c>
      <c r="I32" s="277" t="s">
        <v>182</v>
      </c>
      <c r="J32" s="279" t="s">
        <v>153</v>
      </c>
      <c r="K32" s="279"/>
      <c r="L32" s="277" t="s">
        <v>182</v>
      </c>
      <c r="M32" s="279" t="s">
        <v>164</v>
      </c>
      <c r="N32" s="279"/>
      <c r="O32" s="128"/>
      <c r="P32" s="128"/>
      <c r="Q32" s="128"/>
      <c r="R32" s="128"/>
      <c r="S32" s="128"/>
      <c r="T32" s="128"/>
      <c r="U32" s="128"/>
      <c r="V32" s="128"/>
      <c r="W32" s="128"/>
      <c r="X32" s="132"/>
      <c r="Y32" s="116"/>
      <c r="Z32" s="190"/>
      <c r="AA32" s="190"/>
      <c r="AB32" s="110"/>
      <c r="AC32" s="116"/>
      <c r="AD32" s="190"/>
      <c r="AE32" s="190"/>
      <c r="AF32" s="110"/>
    </row>
    <row r="33" spans="1:32" ht="18.75" customHeight="1" x14ac:dyDescent="0.2">
      <c r="A33" s="104"/>
      <c r="B33" s="98"/>
      <c r="C33" s="166"/>
      <c r="D33" s="91"/>
      <c r="E33" s="100"/>
      <c r="F33" s="91"/>
      <c r="G33" s="182"/>
      <c r="H33" s="276"/>
      <c r="I33" s="278"/>
      <c r="J33" s="280"/>
      <c r="K33" s="280"/>
      <c r="L33" s="278"/>
      <c r="M33" s="280"/>
      <c r="N33" s="280"/>
      <c r="O33" s="129"/>
      <c r="P33" s="129"/>
      <c r="Q33" s="129"/>
      <c r="R33" s="129"/>
      <c r="S33" s="129"/>
      <c r="T33" s="129"/>
      <c r="U33" s="129"/>
      <c r="V33" s="129"/>
      <c r="W33" s="129"/>
      <c r="X33" s="130"/>
      <c r="Y33" s="116"/>
      <c r="Z33" s="190"/>
      <c r="AA33" s="190"/>
      <c r="AB33" s="110"/>
      <c r="AC33" s="116"/>
      <c r="AD33" s="190"/>
      <c r="AE33" s="190"/>
      <c r="AF33" s="110"/>
    </row>
    <row r="34" spans="1:32" ht="18.75" customHeight="1" x14ac:dyDescent="0.2">
      <c r="A34" s="99"/>
      <c r="B34" s="98"/>
      <c r="C34" s="166"/>
      <c r="D34" s="99"/>
      <c r="E34" s="100"/>
      <c r="F34" s="91"/>
      <c r="G34" s="182"/>
      <c r="H34" s="275" t="s">
        <v>115</v>
      </c>
      <c r="I34" s="277" t="s">
        <v>182</v>
      </c>
      <c r="J34" s="279" t="s">
        <v>153</v>
      </c>
      <c r="K34" s="279"/>
      <c r="L34" s="277" t="s">
        <v>182</v>
      </c>
      <c r="M34" s="279" t="s">
        <v>164</v>
      </c>
      <c r="N34" s="279"/>
      <c r="O34" s="128"/>
      <c r="P34" s="128"/>
      <c r="Q34" s="128"/>
      <c r="R34" s="128"/>
      <c r="S34" s="128"/>
      <c r="T34" s="128"/>
      <c r="U34" s="128"/>
      <c r="V34" s="128"/>
      <c r="W34" s="128"/>
      <c r="X34" s="132"/>
      <c r="Y34" s="116"/>
      <c r="Z34" s="190"/>
      <c r="AA34" s="190"/>
      <c r="AB34" s="110"/>
      <c r="AC34" s="116"/>
      <c r="AD34" s="190"/>
      <c r="AE34" s="190"/>
      <c r="AF34" s="110"/>
    </row>
    <row r="35" spans="1:32" ht="18.75" customHeight="1" x14ac:dyDescent="0.2">
      <c r="A35" s="104"/>
      <c r="B35" s="98"/>
      <c r="C35" s="166"/>
      <c r="D35" s="99"/>
      <c r="E35" s="100"/>
      <c r="F35" s="91"/>
      <c r="G35" s="182"/>
      <c r="H35" s="276"/>
      <c r="I35" s="278"/>
      <c r="J35" s="280"/>
      <c r="K35" s="280"/>
      <c r="L35" s="278"/>
      <c r="M35" s="280"/>
      <c r="N35" s="280"/>
      <c r="O35" s="129"/>
      <c r="P35" s="129"/>
      <c r="Q35" s="129"/>
      <c r="R35" s="129"/>
      <c r="S35" s="129"/>
      <c r="T35" s="129"/>
      <c r="U35" s="129"/>
      <c r="V35" s="129"/>
      <c r="W35" s="129"/>
      <c r="X35" s="130"/>
      <c r="Y35" s="116"/>
      <c r="Z35" s="190"/>
      <c r="AA35" s="190"/>
      <c r="AB35" s="110"/>
      <c r="AC35" s="116"/>
      <c r="AD35" s="190"/>
      <c r="AE35" s="190"/>
      <c r="AF35" s="110"/>
    </row>
    <row r="36" spans="1:32" ht="18.75" customHeight="1" x14ac:dyDescent="0.2">
      <c r="A36" s="104"/>
      <c r="B36" s="98"/>
      <c r="C36" s="166"/>
      <c r="D36" s="99"/>
      <c r="E36" s="100"/>
      <c r="F36" s="91"/>
      <c r="G36" s="182"/>
      <c r="H36" s="275" t="s">
        <v>116</v>
      </c>
      <c r="I36" s="277" t="s">
        <v>182</v>
      </c>
      <c r="J36" s="279" t="s">
        <v>153</v>
      </c>
      <c r="K36" s="279"/>
      <c r="L36" s="277" t="s">
        <v>182</v>
      </c>
      <c r="M36" s="279" t="s">
        <v>164</v>
      </c>
      <c r="N36" s="279"/>
      <c r="O36" s="128"/>
      <c r="P36" s="128"/>
      <c r="Q36" s="128"/>
      <c r="R36" s="128"/>
      <c r="S36" s="128"/>
      <c r="T36" s="128"/>
      <c r="U36" s="128"/>
      <c r="V36" s="128"/>
      <c r="W36" s="128"/>
      <c r="X36" s="132"/>
      <c r="Y36" s="116"/>
      <c r="Z36" s="190"/>
      <c r="AA36" s="190"/>
      <c r="AB36" s="110"/>
      <c r="AC36" s="116"/>
      <c r="AD36" s="190"/>
      <c r="AE36" s="190"/>
      <c r="AF36" s="110"/>
    </row>
    <row r="37" spans="1:32" ht="18.75" customHeight="1" x14ac:dyDescent="0.2">
      <c r="A37" s="104"/>
      <c r="B37" s="98"/>
      <c r="C37" s="166"/>
      <c r="D37" s="91"/>
      <c r="E37" s="100"/>
      <c r="F37" s="91"/>
      <c r="G37" s="182"/>
      <c r="H37" s="276"/>
      <c r="I37" s="278"/>
      <c r="J37" s="280"/>
      <c r="K37" s="280"/>
      <c r="L37" s="278"/>
      <c r="M37" s="280"/>
      <c r="N37" s="280"/>
      <c r="O37" s="129"/>
      <c r="P37" s="129"/>
      <c r="Q37" s="129"/>
      <c r="R37" s="129"/>
      <c r="S37" s="129"/>
      <c r="T37" s="129"/>
      <c r="U37" s="129"/>
      <c r="V37" s="129"/>
      <c r="W37" s="129"/>
      <c r="X37" s="130"/>
      <c r="Y37" s="116"/>
      <c r="Z37" s="190"/>
      <c r="AA37" s="190"/>
      <c r="AB37" s="110"/>
      <c r="AC37" s="116"/>
      <c r="AD37" s="190"/>
      <c r="AE37" s="190"/>
      <c r="AF37" s="110"/>
    </row>
    <row r="38" spans="1:32" ht="18.75" customHeight="1" x14ac:dyDescent="0.2">
      <c r="A38" s="104"/>
      <c r="B38" s="98"/>
      <c r="C38" s="166"/>
      <c r="D38" s="91"/>
      <c r="E38" s="100"/>
      <c r="F38" s="91"/>
      <c r="G38" s="182"/>
      <c r="H38" s="275" t="s">
        <v>117</v>
      </c>
      <c r="I38" s="277" t="s">
        <v>182</v>
      </c>
      <c r="J38" s="279" t="s">
        <v>153</v>
      </c>
      <c r="K38" s="279"/>
      <c r="L38" s="277" t="s">
        <v>182</v>
      </c>
      <c r="M38" s="279" t="s">
        <v>164</v>
      </c>
      <c r="N38" s="279"/>
      <c r="O38" s="128"/>
      <c r="P38" s="128"/>
      <c r="Q38" s="128"/>
      <c r="R38" s="128"/>
      <c r="S38" s="128"/>
      <c r="T38" s="128"/>
      <c r="U38" s="128"/>
      <c r="V38" s="128"/>
      <c r="W38" s="128"/>
      <c r="X38" s="132"/>
      <c r="Y38" s="116"/>
      <c r="Z38" s="190"/>
      <c r="AA38" s="190"/>
      <c r="AB38" s="110"/>
      <c r="AC38" s="116"/>
      <c r="AD38" s="190"/>
      <c r="AE38" s="190"/>
      <c r="AF38" s="110"/>
    </row>
    <row r="39" spans="1:32" ht="18.75" customHeight="1" x14ac:dyDescent="0.2">
      <c r="A39" s="99" t="s">
        <v>182</v>
      </c>
      <c r="B39" s="98">
        <v>78</v>
      </c>
      <c r="C39" s="166" t="s">
        <v>221</v>
      </c>
      <c r="D39" s="99" t="s">
        <v>182</v>
      </c>
      <c r="E39" s="100" t="s">
        <v>222</v>
      </c>
      <c r="F39" s="91"/>
      <c r="G39" s="182"/>
      <c r="H39" s="276"/>
      <c r="I39" s="278"/>
      <c r="J39" s="280"/>
      <c r="K39" s="280"/>
      <c r="L39" s="278"/>
      <c r="M39" s="280"/>
      <c r="N39" s="280"/>
      <c r="O39" s="129"/>
      <c r="P39" s="129"/>
      <c r="Q39" s="129"/>
      <c r="R39" s="129"/>
      <c r="S39" s="129"/>
      <c r="T39" s="129"/>
      <c r="U39" s="129"/>
      <c r="V39" s="129"/>
      <c r="W39" s="129"/>
      <c r="X39" s="130"/>
      <c r="Y39" s="116"/>
      <c r="Z39" s="190"/>
      <c r="AA39" s="190"/>
      <c r="AB39" s="110"/>
      <c r="AC39" s="116"/>
      <c r="AD39" s="190"/>
      <c r="AE39" s="190"/>
      <c r="AF39" s="110"/>
    </row>
    <row r="40" spans="1:32" ht="18.75" customHeight="1" x14ac:dyDescent="0.2">
      <c r="A40" s="104"/>
      <c r="B40" s="98"/>
      <c r="C40" s="166"/>
      <c r="D40" s="99" t="s">
        <v>182</v>
      </c>
      <c r="E40" s="100" t="s">
        <v>223</v>
      </c>
      <c r="F40" s="91"/>
      <c r="G40" s="182"/>
      <c r="H40" s="171" t="s">
        <v>113</v>
      </c>
      <c r="I40" s="118" t="s">
        <v>182</v>
      </c>
      <c r="J40" s="119" t="s">
        <v>153</v>
      </c>
      <c r="K40" s="120"/>
      <c r="L40" s="122" t="s">
        <v>182</v>
      </c>
      <c r="M40" s="119" t="s">
        <v>164</v>
      </c>
      <c r="N40" s="149"/>
      <c r="O40" s="149"/>
      <c r="P40" s="149"/>
      <c r="Q40" s="149"/>
      <c r="R40" s="149"/>
      <c r="S40" s="149"/>
      <c r="T40" s="149"/>
      <c r="U40" s="149"/>
      <c r="V40" s="149"/>
      <c r="W40" s="149"/>
      <c r="X40" s="150"/>
      <c r="Y40" s="116"/>
      <c r="Z40" s="190"/>
      <c r="AA40" s="190"/>
      <c r="AB40" s="110"/>
      <c r="AC40" s="116"/>
      <c r="AD40" s="190"/>
      <c r="AE40" s="190"/>
      <c r="AF40" s="110"/>
    </row>
    <row r="41" spans="1:32" ht="18.75" customHeight="1" x14ac:dyDescent="0.2">
      <c r="A41" s="104"/>
      <c r="B41" s="98"/>
      <c r="C41" s="166"/>
      <c r="D41" s="99" t="s">
        <v>182</v>
      </c>
      <c r="E41" s="100" t="s">
        <v>224</v>
      </c>
      <c r="F41" s="91"/>
      <c r="G41" s="182"/>
      <c r="H41" s="125" t="s">
        <v>139</v>
      </c>
      <c r="I41" s="189" t="s">
        <v>182</v>
      </c>
      <c r="J41" s="129" t="s">
        <v>153</v>
      </c>
      <c r="K41" s="129"/>
      <c r="L41" s="122" t="s">
        <v>182</v>
      </c>
      <c r="M41" s="129" t="s">
        <v>154</v>
      </c>
      <c r="N41" s="119"/>
      <c r="O41" s="189" t="s">
        <v>182</v>
      </c>
      <c r="P41" s="119" t="s">
        <v>155</v>
      </c>
      <c r="Q41" s="149"/>
      <c r="R41" s="149"/>
      <c r="S41" s="149"/>
      <c r="T41" s="149"/>
      <c r="U41" s="149"/>
      <c r="V41" s="149"/>
      <c r="W41" s="149"/>
      <c r="X41" s="150"/>
      <c r="Y41" s="116"/>
      <c r="Z41" s="190"/>
      <c r="AA41" s="190"/>
      <c r="AB41" s="110"/>
      <c r="AC41" s="116"/>
      <c r="AD41" s="190"/>
      <c r="AE41" s="190"/>
      <c r="AF41" s="110"/>
    </row>
    <row r="42" spans="1:32" ht="18.75" customHeight="1" x14ac:dyDescent="0.2">
      <c r="A42" s="104"/>
      <c r="B42" s="98"/>
      <c r="C42" s="166"/>
      <c r="D42" s="91"/>
      <c r="E42" s="100"/>
      <c r="F42" s="91"/>
      <c r="G42" s="182"/>
      <c r="H42" s="125" t="s">
        <v>124</v>
      </c>
      <c r="I42" s="148" t="s">
        <v>182</v>
      </c>
      <c r="J42" s="119" t="s">
        <v>153</v>
      </c>
      <c r="K42" s="120"/>
      <c r="L42" s="189" t="s">
        <v>182</v>
      </c>
      <c r="M42" s="119" t="s">
        <v>164</v>
      </c>
      <c r="N42" s="149"/>
      <c r="O42" s="149"/>
      <c r="P42" s="149"/>
      <c r="Q42" s="149"/>
      <c r="R42" s="149"/>
      <c r="S42" s="149"/>
      <c r="T42" s="149"/>
      <c r="U42" s="149"/>
      <c r="V42" s="149"/>
      <c r="W42" s="149"/>
      <c r="X42" s="150"/>
      <c r="Y42" s="116"/>
      <c r="Z42" s="190"/>
      <c r="AA42" s="190"/>
      <c r="AB42" s="110"/>
      <c r="AC42" s="116"/>
      <c r="AD42" s="190"/>
      <c r="AE42" s="190"/>
      <c r="AF42" s="110"/>
    </row>
    <row r="43" spans="1:32" ht="18.75" customHeight="1" x14ac:dyDescent="0.2">
      <c r="A43" s="104"/>
      <c r="B43" s="98"/>
      <c r="C43" s="166"/>
      <c r="D43" s="99"/>
      <c r="E43" s="100"/>
      <c r="F43" s="91"/>
      <c r="G43" s="182"/>
      <c r="H43" s="171" t="s">
        <v>225</v>
      </c>
      <c r="I43" s="148" t="s">
        <v>182</v>
      </c>
      <c r="J43" s="119" t="s">
        <v>153</v>
      </c>
      <c r="K43" s="120"/>
      <c r="L43" s="122" t="s">
        <v>182</v>
      </c>
      <c r="M43" s="119" t="s">
        <v>164</v>
      </c>
      <c r="N43" s="149"/>
      <c r="O43" s="149"/>
      <c r="P43" s="149"/>
      <c r="Q43" s="149"/>
      <c r="R43" s="149"/>
      <c r="S43" s="149"/>
      <c r="T43" s="149"/>
      <c r="U43" s="149"/>
      <c r="V43" s="149"/>
      <c r="W43" s="149"/>
      <c r="X43" s="150"/>
      <c r="Y43" s="189"/>
      <c r="Z43" s="191"/>
      <c r="AA43" s="190"/>
      <c r="AB43" s="110"/>
      <c r="AC43" s="189"/>
      <c r="AD43" s="191"/>
      <c r="AE43" s="190"/>
      <c r="AF43" s="110"/>
    </row>
    <row r="44" spans="1:32" ht="18.75" customHeight="1" x14ac:dyDescent="0.2">
      <c r="A44" s="99"/>
      <c r="B44" s="98"/>
      <c r="C44" s="166"/>
      <c r="D44" s="99"/>
      <c r="E44" s="100"/>
      <c r="F44" s="91"/>
      <c r="G44" s="182"/>
      <c r="H44" s="125" t="s">
        <v>122</v>
      </c>
      <c r="I44" s="148" t="s">
        <v>182</v>
      </c>
      <c r="J44" s="119" t="s">
        <v>153</v>
      </c>
      <c r="K44" s="119"/>
      <c r="L44" s="151" t="s">
        <v>182</v>
      </c>
      <c r="M44" s="119" t="s">
        <v>165</v>
      </c>
      <c r="N44" s="119"/>
      <c r="O44" s="189" t="s">
        <v>182</v>
      </c>
      <c r="P44" s="119" t="s">
        <v>166</v>
      </c>
      <c r="Q44" s="149"/>
      <c r="R44" s="149"/>
      <c r="S44" s="149"/>
      <c r="T44" s="149"/>
      <c r="U44" s="149"/>
      <c r="V44" s="149"/>
      <c r="W44" s="149"/>
      <c r="X44" s="150"/>
      <c r="Y44" s="116"/>
      <c r="Z44" s="190"/>
      <c r="AA44" s="190"/>
      <c r="AB44" s="110"/>
      <c r="AC44" s="116"/>
      <c r="AD44" s="190"/>
      <c r="AE44" s="190"/>
      <c r="AF44" s="110"/>
    </row>
    <row r="45" spans="1:32" ht="18.75" customHeight="1" x14ac:dyDescent="0.2">
      <c r="A45" s="104"/>
      <c r="B45" s="98"/>
      <c r="C45" s="166"/>
      <c r="D45" s="99"/>
      <c r="E45" s="100"/>
      <c r="F45" s="91"/>
      <c r="G45" s="182"/>
      <c r="H45" s="125" t="s">
        <v>133</v>
      </c>
      <c r="I45" s="148" t="s">
        <v>182</v>
      </c>
      <c r="J45" s="119" t="s">
        <v>153</v>
      </c>
      <c r="K45" s="119"/>
      <c r="L45" s="151" t="s">
        <v>182</v>
      </c>
      <c r="M45" s="119" t="s">
        <v>171</v>
      </c>
      <c r="N45" s="169"/>
      <c r="O45" s="169"/>
      <c r="P45" s="189" t="s">
        <v>182</v>
      </c>
      <c r="Q45" s="119" t="s">
        <v>172</v>
      </c>
      <c r="R45" s="169"/>
      <c r="S45" s="169"/>
      <c r="T45" s="169"/>
      <c r="U45" s="169"/>
      <c r="V45" s="169"/>
      <c r="W45" s="169"/>
      <c r="X45" s="170"/>
      <c r="Y45" s="116"/>
      <c r="Z45" s="190"/>
      <c r="AA45" s="190"/>
      <c r="AB45" s="110"/>
      <c r="AC45" s="116"/>
      <c r="AD45" s="190"/>
      <c r="AE45" s="190"/>
      <c r="AF45" s="110"/>
    </row>
    <row r="46" spans="1:32" ht="18.75" customHeight="1" x14ac:dyDescent="0.2">
      <c r="A46" s="104"/>
      <c r="B46" s="98"/>
      <c r="C46" s="166"/>
      <c r="D46" s="99"/>
      <c r="E46" s="100"/>
      <c r="F46" s="91"/>
      <c r="G46" s="182"/>
      <c r="H46" s="172" t="s">
        <v>125</v>
      </c>
      <c r="I46" s="148" t="s">
        <v>182</v>
      </c>
      <c r="J46" s="119" t="s">
        <v>153</v>
      </c>
      <c r="K46" s="120"/>
      <c r="L46" s="122" t="s">
        <v>182</v>
      </c>
      <c r="M46" s="119" t="s">
        <v>164</v>
      </c>
      <c r="N46" s="149"/>
      <c r="O46" s="149"/>
      <c r="P46" s="149"/>
      <c r="Q46" s="149"/>
      <c r="R46" s="149"/>
      <c r="S46" s="149"/>
      <c r="T46" s="149"/>
      <c r="U46" s="149"/>
      <c r="V46" s="149"/>
      <c r="W46" s="149"/>
      <c r="X46" s="150"/>
      <c r="Y46" s="116"/>
      <c r="Z46" s="190"/>
      <c r="AA46" s="190"/>
      <c r="AB46" s="110"/>
      <c r="AC46" s="116"/>
      <c r="AD46" s="190"/>
      <c r="AE46" s="190"/>
      <c r="AF46" s="110"/>
    </row>
    <row r="47" spans="1:32" ht="18.75" customHeight="1" x14ac:dyDescent="0.2">
      <c r="A47" s="104"/>
      <c r="B47" s="98"/>
      <c r="C47" s="166"/>
      <c r="D47" s="91"/>
      <c r="E47" s="100"/>
      <c r="F47" s="91"/>
      <c r="G47" s="182"/>
      <c r="H47" s="171" t="s">
        <v>110</v>
      </c>
      <c r="I47" s="148" t="s">
        <v>182</v>
      </c>
      <c r="J47" s="119" t="s">
        <v>153</v>
      </c>
      <c r="K47" s="120"/>
      <c r="L47" s="189" t="s">
        <v>182</v>
      </c>
      <c r="M47" s="119" t="s">
        <v>164</v>
      </c>
      <c r="N47" s="149"/>
      <c r="O47" s="149"/>
      <c r="P47" s="149"/>
      <c r="Q47" s="149"/>
      <c r="R47" s="149"/>
      <c r="S47" s="149"/>
      <c r="T47" s="149"/>
      <c r="U47" s="149"/>
      <c r="V47" s="149"/>
      <c r="W47" s="149"/>
      <c r="X47" s="150"/>
      <c r="Y47" s="116"/>
      <c r="Z47" s="190"/>
      <c r="AA47" s="190"/>
      <c r="AB47" s="110"/>
      <c r="AC47" s="116"/>
      <c r="AD47" s="190"/>
      <c r="AE47" s="190"/>
      <c r="AF47" s="110"/>
    </row>
    <row r="48" spans="1:32" ht="18.75" customHeight="1" x14ac:dyDescent="0.2">
      <c r="A48" s="104"/>
      <c r="B48" s="98"/>
      <c r="C48" s="166"/>
      <c r="D48" s="91"/>
      <c r="E48" s="100"/>
      <c r="F48" s="91"/>
      <c r="G48" s="182"/>
      <c r="H48" s="172" t="s">
        <v>96</v>
      </c>
      <c r="I48" s="118" t="s">
        <v>182</v>
      </c>
      <c r="J48" s="119" t="s">
        <v>153</v>
      </c>
      <c r="K48" s="120"/>
      <c r="L48" s="122" t="s">
        <v>182</v>
      </c>
      <c r="M48" s="119" t="s">
        <v>164</v>
      </c>
      <c r="N48" s="149"/>
      <c r="O48" s="149"/>
      <c r="P48" s="149"/>
      <c r="Q48" s="149"/>
      <c r="R48" s="149"/>
      <c r="S48" s="149"/>
      <c r="T48" s="149"/>
      <c r="U48" s="149"/>
      <c r="V48" s="149"/>
      <c r="W48" s="149"/>
      <c r="X48" s="150"/>
      <c r="Y48" s="116"/>
      <c r="Z48" s="190"/>
      <c r="AA48" s="190"/>
      <c r="AB48" s="110"/>
      <c r="AC48" s="116"/>
      <c r="AD48" s="190"/>
      <c r="AE48" s="190"/>
      <c r="AF48" s="110"/>
    </row>
    <row r="49" spans="1:33" ht="18.75" customHeight="1" x14ac:dyDescent="0.2">
      <c r="A49" s="104"/>
      <c r="B49" s="98"/>
      <c r="C49" s="166"/>
      <c r="D49" s="91"/>
      <c r="E49" s="100"/>
      <c r="F49" s="91"/>
      <c r="G49" s="182"/>
      <c r="H49" s="147" t="s">
        <v>142</v>
      </c>
      <c r="I49" s="122" t="s">
        <v>182</v>
      </c>
      <c r="J49" s="119" t="s">
        <v>153</v>
      </c>
      <c r="K49" s="120"/>
      <c r="L49" s="146" t="s">
        <v>182</v>
      </c>
      <c r="M49" s="119" t="s">
        <v>164</v>
      </c>
      <c r="N49" s="149"/>
      <c r="O49" s="149"/>
      <c r="P49" s="149"/>
      <c r="Q49" s="149"/>
      <c r="R49" s="149"/>
      <c r="S49" s="149"/>
      <c r="T49" s="149"/>
      <c r="U49" s="149"/>
      <c r="V49" s="149"/>
      <c r="W49" s="149"/>
      <c r="X49" s="150"/>
      <c r="Y49" s="116"/>
      <c r="Z49" s="190"/>
      <c r="AA49" s="190"/>
      <c r="AB49" s="110"/>
      <c r="AC49" s="116"/>
      <c r="AD49" s="190"/>
      <c r="AE49" s="190"/>
      <c r="AF49" s="110"/>
    </row>
    <row r="50" spans="1:33" ht="18.75" customHeight="1" x14ac:dyDescent="0.2">
      <c r="A50" s="104"/>
      <c r="B50" s="98"/>
      <c r="C50" s="166"/>
      <c r="D50" s="91"/>
      <c r="E50" s="100"/>
      <c r="F50" s="91"/>
      <c r="G50" s="182"/>
      <c r="H50" s="125" t="s">
        <v>134</v>
      </c>
      <c r="I50" s="118" t="s">
        <v>182</v>
      </c>
      <c r="J50" s="119" t="s">
        <v>153</v>
      </c>
      <c r="K50" s="120"/>
      <c r="L50" s="146" t="s">
        <v>182</v>
      </c>
      <c r="M50" s="119" t="s">
        <v>164</v>
      </c>
      <c r="N50" s="149"/>
      <c r="O50" s="149"/>
      <c r="P50" s="149"/>
      <c r="Q50" s="149"/>
      <c r="R50" s="149"/>
      <c r="S50" s="149"/>
      <c r="T50" s="149"/>
      <c r="U50" s="149"/>
      <c r="V50" s="149"/>
      <c r="W50" s="149"/>
      <c r="X50" s="150"/>
      <c r="Y50" s="116"/>
      <c r="Z50" s="190"/>
      <c r="AA50" s="190"/>
      <c r="AB50" s="110"/>
      <c r="AC50" s="116"/>
      <c r="AD50" s="190"/>
      <c r="AE50" s="190"/>
      <c r="AF50" s="110"/>
    </row>
    <row r="51" spans="1:33" ht="18.75" customHeight="1" x14ac:dyDescent="0.2">
      <c r="A51" s="104"/>
      <c r="B51" s="98"/>
      <c r="C51" s="166"/>
      <c r="D51" s="91"/>
      <c r="E51" s="100"/>
      <c r="F51" s="91"/>
      <c r="G51" s="182"/>
      <c r="H51" s="125" t="s">
        <v>128</v>
      </c>
      <c r="I51" s="189" t="s">
        <v>182</v>
      </c>
      <c r="J51" s="119" t="s">
        <v>153</v>
      </c>
      <c r="K51" s="120"/>
      <c r="L51" s="146" t="s">
        <v>182</v>
      </c>
      <c r="M51" s="119" t="s">
        <v>164</v>
      </c>
      <c r="N51" s="149"/>
      <c r="O51" s="149"/>
      <c r="P51" s="149"/>
      <c r="Q51" s="149"/>
      <c r="R51" s="149"/>
      <c r="S51" s="149"/>
      <c r="T51" s="149"/>
      <c r="U51" s="149"/>
      <c r="V51" s="149"/>
      <c r="W51" s="149"/>
      <c r="X51" s="150"/>
      <c r="Y51" s="116"/>
      <c r="Z51" s="190"/>
      <c r="AA51" s="190"/>
      <c r="AB51" s="110"/>
      <c r="AC51" s="116"/>
      <c r="AD51" s="190"/>
      <c r="AE51" s="190"/>
      <c r="AF51" s="110"/>
    </row>
    <row r="52" spans="1:33" ht="18.75" customHeight="1" x14ac:dyDescent="0.2">
      <c r="A52" s="104"/>
      <c r="B52" s="98"/>
      <c r="C52" s="166"/>
      <c r="D52" s="91"/>
      <c r="E52" s="100"/>
      <c r="F52" s="91"/>
      <c r="G52" s="182"/>
      <c r="H52" s="281" t="s">
        <v>101</v>
      </c>
      <c r="I52" s="148" t="s">
        <v>182</v>
      </c>
      <c r="J52" s="128" t="s">
        <v>153</v>
      </c>
      <c r="K52" s="131"/>
      <c r="L52" s="151" t="s">
        <v>182</v>
      </c>
      <c r="M52" s="128" t="s">
        <v>218</v>
      </c>
      <c r="N52" s="131"/>
      <c r="O52" s="131"/>
      <c r="P52" s="131"/>
      <c r="Q52" s="131"/>
      <c r="R52" s="151" t="s">
        <v>182</v>
      </c>
      <c r="S52" s="128" t="s">
        <v>226</v>
      </c>
      <c r="T52" s="128"/>
      <c r="U52" s="131"/>
      <c r="V52" s="131"/>
      <c r="W52" s="131"/>
      <c r="X52" s="152"/>
      <c r="Y52" s="116"/>
      <c r="Z52" s="190"/>
      <c r="AA52" s="190"/>
      <c r="AB52" s="110"/>
      <c r="AC52" s="116"/>
      <c r="AD52" s="190"/>
      <c r="AE52" s="190"/>
      <c r="AF52" s="110"/>
    </row>
    <row r="53" spans="1:33" ht="18.75" customHeight="1" x14ac:dyDescent="0.2">
      <c r="A53" s="104"/>
      <c r="B53" s="98"/>
      <c r="C53" s="166"/>
      <c r="D53" s="91"/>
      <c r="E53" s="100"/>
      <c r="F53" s="91"/>
      <c r="G53" s="182"/>
      <c r="H53" s="282"/>
      <c r="I53" s="99" t="s">
        <v>182</v>
      </c>
      <c r="J53" s="188" t="s">
        <v>219</v>
      </c>
      <c r="K53" s="228"/>
      <c r="L53" s="228"/>
      <c r="M53" s="228"/>
      <c r="N53" s="228"/>
      <c r="O53" s="189" t="s">
        <v>182</v>
      </c>
      <c r="P53" s="229" t="s">
        <v>227</v>
      </c>
      <c r="Q53" s="228"/>
      <c r="R53" s="228"/>
      <c r="S53" s="228"/>
      <c r="T53" s="228"/>
      <c r="U53" s="189" t="s">
        <v>182</v>
      </c>
      <c r="V53" s="229" t="s">
        <v>228</v>
      </c>
      <c r="W53" s="228"/>
      <c r="X53" s="109"/>
      <c r="Y53" s="231"/>
      <c r="Z53" s="190"/>
      <c r="AA53" s="190"/>
      <c r="AB53" s="110"/>
      <c r="AC53" s="116"/>
      <c r="AD53" s="190"/>
      <c r="AE53" s="190"/>
      <c r="AF53" s="110"/>
    </row>
    <row r="54" spans="1:33" ht="18.75" customHeight="1" x14ac:dyDescent="0.2">
      <c r="A54" s="104"/>
      <c r="B54" s="98"/>
      <c r="C54" s="166"/>
      <c r="D54" s="91"/>
      <c r="E54" s="100"/>
      <c r="F54" s="91"/>
      <c r="G54" s="182"/>
      <c r="H54" s="283"/>
      <c r="I54" s="99" t="s">
        <v>182</v>
      </c>
      <c r="J54" s="188" t="s">
        <v>229</v>
      </c>
      <c r="K54" s="114"/>
      <c r="L54" s="114"/>
      <c r="M54" s="114"/>
      <c r="N54" s="114"/>
      <c r="O54" s="189" t="s">
        <v>182</v>
      </c>
      <c r="P54" s="113" t="s">
        <v>230</v>
      </c>
      <c r="Q54" s="114"/>
      <c r="R54" s="114"/>
      <c r="S54" s="114"/>
      <c r="T54" s="114"/>
      <c r="U54" s="114"/>
      <c r="V54" s="114"/>
      <c r="W54" s="114"/>
      <c r="X54" s="115"/>
      <c r="Y54" s="116"/>
      <c r="Z54" s="190"/>
      <c r="AA54" s="190"/>
      <c r="AB54" s="110"/>
      <c r="AC54" s="116"/>
      <c r="AD54" s="190"/>
      <c r="AE54" s="190"/>
      <c r="AF54" s="110"/>
    </row>
    <row r="55" spans="1:33" ht="18.75" customHeight="1" x14ac:dyDescent="0.2">
      <c r="A55" s="137"/>
      <c r="B55" s="89"/>
      <c r="C55" s="138"/>
      <c r="D55" s="139"/>
      <c r="E55" s="140"/>
      <c r="F55" s="92"/>
      <c r="G55" s="141"/>
      <c r="H55" s="223" t="s">
        <v>201</v>
      </c>
      <c r="I55" s="208" t="s">
        <v>182</v>
      </c>
      <c r="J55" s="209" t="s">
        <v>153</v>
      </c>
      <c r="K55" s="209"/>
      <c r="L55" s="210" t="s">
        <v>182</v>
      </c>
      <c r="M55" s="209" t="s">
        <v>189</v>
      </c>
      <c r="N55" s="224"/>
      <c r="O55" s="210" t="s">
        <v>182</v>
      </c>
      <c r="P55" s="201" t="s">
        <v>190</v>
      </c>
      <c r="Q55" s="225"/>
      <c r="R55" s="210" t="s">
        <v>182</v>
      </c>
      <c r="S55" s="209" t="s">
        <v>191</v>
      </c>
      <c r="T55" s="225"/>
      <c r="U55" s="210" t="s">
        <v>182</v>
      </c>
      <c r="V55" s="209" t="s">
        <v>192</v>
      </c>
      <c r="W55" s="226"/>
      <c r="X55" s="227"/>
      <c r="Y55" s="142"/>
      <c r="Z55" s="142"/>
      <c r="AA55" s="142"/>
      <c r="AB55" s="143"/>
      <c r="AC55" s="144"/>
      <c r="AD55" s="142"/>
      <c r="AE55" s="142"/>
      <c r="AF55" s="143"/>
    </row>
    <row r="56" spans="1:33" ht="18.75" customHeight="1" x14ac:dyDescent="0.2">
      <c r="A56" s="41"/>
      <c r="B56" s="87"/>
      <c r="C56" s="162"/>
      <c r="D56" s="90"/>
      <c r="E56" s="97"/>
      <c r="F56" s="90"/>
      <c r="G56" s="102"/>
      <c r="H56" s="230" t="s">
        <v>87</v>
      </c>
      <c r="I56" s="156" t="s">
        <v>182</v>
      </c>
      <c r="J56" s="157" t="s">
        <v>153</v>
      </c>
      <c r="K56" s="157"/>
      <c r="L56" s="163"/>
      <c r="M56" s="159" t="s">
        <v>182</v>
      </c>
      <c r="N56" s="157" t="s">
        <v>168</v>
      </c>
      <c r="O56" s="157"/>
      <c r="P56" s="163"/>
      <c r="Q56" s="159" t="s">
        <v>182</v>
      </c>
      <c r="R56" s="164" t="s">
        <v>169</v>
      </c>
      <c r="S56" s="164"/>
      <c r="T56" s="164"/>
      <c r="U56" s="164"/>
      <c r="V56" s="164"/>
      <c r="W56" s="164"/>
      <c r="X56" s="165"/>
      <c r="Y56" s="101" t="s">
        <v>182</v>
      </c>
      <c r="Z56" s="22" t="s">
        <v>152</v>
      </c>
      <c r="AA56" s="22"/>
      <c r="AB56" s="103"/>
      <c r="AC56" s="101" t="s">
        <v>182</v>
      </c>
      <c r="AD56" s="22" t="s">
        <v>152</v>
      </c>
      <c r="AE56" s="22"/>
      <c r="AF56" s="103"/>
      <c r="AG56" s="219"/>
    </row>
    <row r="57" spans="1:33" ht="19.5" customHeight="1" x14ac:dyDescent="0.2">
      <c r="A57" s="104"/>
      <c r="B57" s="98"/>
      <c r="C57" s="105"/>
      <c r="D57" s="106"/>
      <c r="E57" s="100"/>
      <c r="F57" s="91"/>
      <c r="G57" s="107"/>
      <c r="H57" s="212" t="s">
        <v>186</v>
      </c>
      <c r="I57" s="112" t="s">
        <v>182</v>
      </c>
      <c r="J57" s="129" t="s">
        <v>183</v>
      </c>
      <c r="K57" s="133"/>
      <c r="L57" s="177"/>
      <c r="M57" s="146" t="s">
        <v>182</v>
      </c>
      <c r="N57" s="129" t="s">
        <v>187</v>
      </c>
      <c r="O57" s="146"/>
      <c r="P57" s="129"/>
      <c r="Q57" s="114"/>
      <c r="R57" s="114"/>
      <c r="S57" s="114"/>
      <c r="T57" s="114"/>
      <c r="U57" s="114"/>
      <c r="V57" s="114"/>
      <c r="W57" s="114"/>
      <c r="X57" s="115"/>
      <c r="Y57" s="189" t="s">
        <v>182</v>
      </c>
      <c r="Z57" s="191" t="s">
        <v>157</v>
      </c>
      <c r="AA57" s="190"/>
      <c r="AB57" s="110"/>
      <c r="AC57" s="189" t="s">
        <v>182</v>
      </c>
      <c r="AD57" s="191" t="s">
        <v>157</v>
      </c>
      <c r="AE57" s="190"/>
      <c r="AF57" s="110"/>
    </row>
    <row r="58" spans="1:33" ht="19.5" customHeight="1" x14ac:dyDescent="0.2">
      <c r="A58" s="104"/>
      <c r="B58" s="98"/>
      <c r="C58" s="105"/>
      <c r="D58" s="106"/>
      <c r="E58" s="100"/>
      <c r="F58" s="91"/>
      <c r="G58" s="107"/>
      <c r="H58" s="117" t="s">
        <v>197</v>
      </c>
      <c r="I58" s="118" t="s">
        <v>182</v>
      </c>
      <c r="J58" s="119" t="s">
        <v>183</v>
      </c>
      <c r="K58" s="120"/>
      <c r="L58" s="121"/>
      <c r="M58" s="122" t="s">
        <v>182</v>
      </c>
      <c r="N58" s="119" t="s">
        <v>187</v>
      </c>
      <c r="O58" s="122"/>
      <c r="P58" s="119"/>
      <c r="Q58" s="123"/>
      <c r="R58" s="123"/>
      <c r="S58" s="123"/>
      <c r="T58" s="123"/>
      <c r="U58" s="123"/>
      <c r="V58" s="123"/>
      <c r="W58" s="123"/>
      <c r="X58" s="124"/>
      <c r="Y58" s="116"/>
      <c r="Z58" s="190"/>
      <c r="AA58" s="190"/>
      <c r="AB58" s="110"/>
      <c r="AC58" s="116"/>
      <c r="AD58" s="190"/>
      <c r="AE58" s="190"/>
      <c r="AF58" s="110"/>
    </row>
    <row r="59" spans="1:33" ht="18.75" customHeight="1" x14ac:dyDescent="0.2">
      <c r="A59" s="104"/>
      <c r="B59" s="98"/>
      <c r="C59" s="166"/>
      <c r="D59" s="91"/>
      <c r="E59" s="100"/>
      <c r="F59" s="91"/>
      <c r="G59" s="182"/>
      <c r="H59" s="275" t="s">
        <v>136</v>
      </c>
      <c r="I59" s="285" t="s">
        <v>182</v>
      </c>
      <c r="J59" s="279" t="s">
        <v>153</v>
      </c>
      <c r="K59" s="279"/>
      <c r="L59" s="289" t="s">
        <v>182</v>
      </c>
      <c r="M59" s="279" t="s">
        <v>164</v>
      </c>
      <c r="N59" s="279"/>
      <c r="O59" s="131"/>
      <c r="P59" s="131"/>
      <c r="Q59" s="131"/>
      <c r="R59" s="131"/>
      <c r="S59" s="131"/>
      <c r="T59" s="131"/>
      <c r="U59" s="131"/>
      <c r="V59" s="131"/>
      <c r="W59" s="131"/>
      <c r="X59" s="152"/>
      <c r="Y59" s="116"/>
      <c r="Z59" s="190"/>
      <c r="AA59" s="190"/>
      <c r="AB59" s="110"/>
      <c r="AC59" s="116"/>
      <c r="AD59" s="190"/>
      <c r="AE59" s="190"/>
      <c r="AF59" s="110"/>
    </row>
    <row r="60" spans="1:33" ht="18.75" customHeight="1" x14ac:dyDescent="0.2">
      <c r="A60" s="104"/>
      <c r="B60" s="98"/>
      <c r="C60" s="166"/>
      <c r="D60" s="91"/>
      <c r="E60" s="100"/>
      <c r="F60" s="91"/>
      <c r="G60" s="182"/>
      <c r="H60" s="284"/>
      <c r="I60" s="286"/>
      <c r="J60" s="288"/>
      <c r="K60" s="288"/>
      <c r="L60" s="290"/>
      <c r="M60" s="288"/>
      <c r="N60" s="288"/>
      <c r="O60" s="188"/>
      <c r="P60" s="188"/>
      <c r="Q60" s="188"/>
      <c r="R60" s="188"/>
      <c r="S60" s="188"/>
      <c r="T60" s="188"/>
      <c r="U60" s="188"/>
      <c r="V60" s="188"/>
      <c r="W60" s="188"/>
      <c r="X60" s="153"/>
      <c r="Y60" s="116"/>
      <c r="Z60" s="190"/>
      <c r="AA60" s="190"/>
      <c r="AB60" s="110"/>
      <c r="AC60" s="116"/>
      <c r="AD60" s="190"/>
      <c r="AE60" s="190"/>
      <c r="AF60" s="110"/>
    </row>
    <row r="61" spans="1:33" ht="18.75" customHeight="1" x14ac:dyDescent="0.2">
      <c r="A61" s="104"/>
      <c r="B61" s="98"/>
      <c r="C61" s="166"/>
      <c r="D61" s="91"/>
      <c r="E61" s="100"/>
      <c r="F61" s="91"/>
      <c r="G61" s="182"/>
      <c r="H61" s="276"/>
      <c r="I61" s="287"/>
      <c r="J61" s="280"/>
      <c r="K61" s="280"/>
      <c r="L61" s="291"/>
      <c r="M61" s="280"/>
      <c r="N61" s="280"/>
      <c r="O61" s="113"/>
      <c r="P61" s="113"/>
      <c r="Q61" s="113"/>
      <c r="R61" s="113"/>
      <c r="S61" s="113"/>
      <c r="T61" s="113"/>
      <c r="U61" s="113"/>
      <c r="V61" s="113"/>
      <c r="W61" s="113"/>
      <c r="X61" s="167"/>
      <c r="Y61" s="116"/>
      <c r="Z61" s="190"/>
      <c r="AA61" s="190"/>
      <c r="AB61" s="110"/>
      <c r="AC61" s="116"/>
      <c r="AD61" s="190"/>
      <c r="AE61" s="190"/>
      <c r="AF61" s="110"/>
    </row>
    <row r="62" spans="1:33" ht="18.75" customHeight="1" x14ac:dyDescent="0.2">
      <c r="A62" s="104"/>
      <c r="B62" s="98"/>
      <c r="C62" s="166"/>
      <c r="D62" s="91"/>
      <c r="E62" s="100"/>
      <c r="F62" s="91"/>
      <c r="G62" s="182"/>
      <c r="H62" s="172" t="s">
        <v>88</v>
      </c>
      <c r="I62" s="118" t="s">
        <v>182</v>
      </c>
      <c r="J62" s="119" t="s">
        <v>162</v>
      </c>
      <c r="K62" s="120"/>
      <c r="L62" s="121"/>
      <c r="M62" s="122" t="s">
        <v>182</v>
      </c>
      <c r="N62" s="119" t="s">
        <v>163</v>
      </c>
      <c r="O62" s="123"/>
      <c r="P62" s="123"/>
      <c r="Q62" s="123"/>
      <c r="R62" s="123"/>
      <c r="S62" s="123"/>
      <c r="T62" s="123"/>
      <c r="U62" s="123"/>
      <c r="V62" s="123"/>
      <c r="W62" s="123"/>
      <c r="X62" s="124"/>
      <c r="Y62" s="116"/>
      <c r="Z62" s="190"/>
      <c r="AA62" s="190"/>
      <c r="AB62" s="110"/>
      <c r="AC62" s="116"/>
      <c r="AD62" s="190"/>
      <c r="AE62" s="190"/>
      <c r="AF62" s="110"/>
    </row>
    <row r="63" spans="1:33" ht="18.75" customHeight="1" x14ac:dyDescent="0.2">
      <c r="A63" s="99" t="s">
        <v>182</v>
      </c>
      <c r="B63" s="98">
        <v>72</v>
      </c>
      <c r="C63" s="166" t="s">
        <v>231</v>
      </c>
      <c r="D63" s="99" t="s">
        <v>182</v>
      </c>
      <c r="E63" s="100" t="s">
        <v>178</v>
      </c>
      <c r="F63" s="91"/>
      <c r="G63" s="182"/>
      <c r="H63" s="125" t="s">
        <v>139</v>
      </c>
      <c r="I63" s="118" t="s">
        <v>182</v>
      </c>
      <c r="J63" s="119" t="s">
        <v>153</v>
      </c>
      <c r="K63" s="119"/>
      <c r="L63" s="122" t="s">
        <v>182</v>
      </c>
      <c r="M63" s="119" t="s">
        <v>154</v>
      </c>
      <c r="N63" s="119"/>
      <c r="O63" s="122" t="s">
        <v>182</v>
      </c>
      <c r="P63" s="119" t="s">
        <v>155</v>
      </c>
      <c r="Q63" s="149"/>
      <c r="R63" s="149"/>
      <c r="S63" s="149"/>
      <c r="T63" s="149"/>
      <c r="U63" s="149"/>
      <c r="V63" s="149"/>
      <c r="W63" s="149"/>
      <c r="X63" s="150"/>
      <c r="Y63" s="116"/>
      <c r="Z63" s="190"/>
      <c r="AA63" s="190"/>
      <c r="AB63" s="110"/>
      <c r="AC63" s="116"/>
      <c r="AD63" s="190"/>
      <c r="AE63" s="190"/>
      <c r="AF63" s="110"/>
    </row>
    <row r="64" spans="1:33" ht="18.75" customHeight="1" x14ac:dyDescent="0.2">
      <c r="A64" s="104"/>
      <c r="B64" s="98"/>
      <c r="C64" s="166"/>
      <c r="D64" s="99" t="s">
        <v>182</v>
      </c>
      <c r="E64" s="100" t="s">
        <v>232</v>
      </c>
      <c r="F64" s="91"/>
      <c r="G64" s="182"/>
      <c r="H64" s="125" t="s">
        <v>122</v>
      </c>
      <c r="I64" s="118" t="s">
        <v>182</v>
      </c>
      <c r="J64" s="119" t="s">
        <v>153</v>
      </c>
      <c r="K64" s="119"/>
      <c r="L64" s="122" t="s">
        <v>182</v>
      </c>
      <c r="M64" s="119" t="s">
        <v>165</v>
      </c>
      <c r="N64" s="119"/>
      <c r="O64" s="122" t="s">
        <v>182</v>
      </c>
      <c r="P64" s="119" t="s">
        <v>166</v>
      </c>
      <c r="Q64" s="149"/>
      <c r="R64" s="149"/>
      <c r="S64" s="149"/>
      <c r="T64" s="149"/>
      <c r="U64" s="149"/>
      <c r="V64" s="149"/>
      <c r="W64" s="149"/>
      <c r="X64" s="150"/>
      <c r="Y64" s="116"/>
      <c r="Z64" s="190"/>
      <c r="AA64" s="190"/>
      <c r="AB64" s="110"/>
      <c r="AC64" s="116"/>
      <c r="AD64" s="190"/>
      <c r="AE64" s="190"/>
      <c r="AF64" s="110"/>
    </row>
    <row r="65" spans="1:33" ht="18.75" customHeight="1" x14ac:dyDescent="0.2">
      <c r="A65" s="104"/>
      <c r="B65" s="98"/>
      <c r="C65" s="166"/>
      <c r="D65" s="99" t="s">
        <v>182</v>
      </c>
      <c r="E65" s="100" t="s">
        <v>233</v>
      </c>
      <c r="F65" s="91"/>
      <c r="G65" s="182"/>
      <c r="H65" s="125" t="s">
        <v>141</v>
      </c>
      <c r="I65" s="148" t="s">
        <v>182</v>
      </c>
      <c r="J65" s="119" t="s">
        <v>153</v>
      </c>
      <c r="K65" s="120"/>
      <c r="L65" s="151" t="s">
        <v>182</v>
      </c>
      <c r="M65" s="119" t="s">
        <v>164</v>
      </c>
      <c r="N65" s="149"/>
      <c r="O65" s="149"/>
      <c r="P65" s="149"/>
      <c r="Q65" s="149"/>
      <c r="R65" s="149"/>
      <c r="S65" s="149"/>
      <c r="T65" s="149"/>
      <c r="U65" s="149"/>
      <c r="V65" s="149"/>
      <c r="W65" s="149"/>
      <c r="X65" s="150"/>
      <c r="Y65" s="116"/>
      <c r="Z65" s="190"/>
      <c r="AA65" s="190"/>
      <c r="AB65" s="110"/>
      <c r="AC65" s="116"/>
      <c r="AD65" s="190"/>
      <c r="AE65" s="190"/>
      <c r="AF65" s="110"/>
    </row>
    <row r="66" spans="1:33" ht="18.75" customHeight="1" x14ac:dyDescent="0.2">
      <c r="A66" s="104"/>
      <c r="B66" s="98"/>
      <c r="C66" s="166"/>
      <c r="D66" s="99"/>
      <c r="E66" s="100"/>
      <c r="F66" s="91"/>
      <c r="G66" s="182"/>
      <c r="H66" s="171" t="s">
        <v>234</v>
      </c>
      <c r="I66" s="148" t="s">
        <v>182</v>
      </c>
      <c r="J66" s="119" t="s">
        <v>153</v>
      </c>
      <c r="K66" s="120"/>
      <c r="L66" s="122" t="s">
        <v>182</v>
      </c>
      <c r="M66" s="119" t="s">
        <v>164</v>
      </c>
      <c r="N66" s="149"/>
      <c r="O66" s="149"/>
      <c r="P66" s="149"/>
      <c r="Q66" s="149"/>
      <c r="R66" s="149"/>
      <c r="S66" s="149"/>
      <c r="T66" s="149"/>
      <c r="U66" s="149"/>
      <c r="V66" s="149"/>
      <c r="W66" s="149"/>
      <c r="X66" s="150"/>
      <c r="Y66" s="116"/>
      <c r="Z66" s="190"/>
      <c r="AA66" s="190"/>
      <c r="AB66" s="110"/>
      <c r="AC66" s="116"/>
      <c r="AD66" s="190"/>
      <c r="AE66" s="190"/>
      <c r="AF66" s="110"/>
    </row>
    <row r="67" spans="1:33" ht="18.75" customHeight="1" x14ac:dyDescent="0.2">
      <c r="A67" s="104"/>
      <c r="B67" s="98"/>
      <c r="C67" s="166"/>
      <c r="D67" s="99"/>
      <c r="E67" s="100"/>
      <c r="F67" s="91"/>
      <c r="G67" s="182"/>
      <c r="H67" s="172" t="s">
        <v>206</v>
      </c>
      <c r="I67" s="148" t="s">
        <v>182</v>
      </c>
      <c r="J67" s="119" t="s">
        <v>153</v>
      </c>
      <c r="K67" s="120"/>
      <c r="L67" s="189" t="s">
        <v>182</v>
      </c>
      <c r="M67" s="119" t="s">
        <v>164</v>
      </c>
      <c r="N67" s="149"/>
      <c r="O67" s="149"/>
      <c r="P67" s="149"/>
      <c r="Q67" s="149"/>
      <c r="R67" s="149"/>
      <c r="S67" s="149"/>
      <c r="T67" s="149"/>
      <c r="U67" s="149"/>
      <c r="V67" s="149"/>
      <c r="W67" s="149"/>
      <c r="X67" s="150"/>
      <c r="Y67" s="116"/>
      <c r="Z67" s="190"/>
      <c r="AA67" s="190"/>
      <c r="AB67" s="110"/>
      <c r="AC67" s="116"/>
      <c r="AD67" s="190"/>
      <c r="AE67" s="190"/>
      <c r="AF67" s="110"/>
    </row>
    <row r="68" spans="1:33" ht="18.75" customHeight="1" x14ac:dyDescent="0.2">
      <c r="A68" s="99"/>
      <c r="B68" s="98"/>
      <c r="C68" s="166"/>
      <c r="D68" s="99"/>
      <c r="E68" s="100"/>
      <c r="F68" s="91"/>
      <c r="G68" s="182"/>
      <c r="H68" s="191" t="s">
        <v>142</v>
      </c>
      <c r="I68" s="118" t="s">
        <v>182</v>
      </c>
      <c r="J68" s="119" t="s">
        <v>153</v>
      </c>
      <c r="K68" s="120"/>
      <c r="L68" s="122" t="s">
        <v>182</v>
      </c>
      <c r="M68" s="119" t="s">
        <v>164</v>
      </c>
      <c r="N68" s="149"/>
      <c r="O68" s="149"/>
      <c r="P68" s="149"/>
      <c r="Q68" s="149"/>
      <c r="R68" s="149"/>
      <c r="S68" s="149"/>
      <c r="T68" s="149"/>
      <c r="U68" s="149"/>
      <c r="V68" s="149"/>
      <c r="W68" s="149"/>
      <c r="X68" s="150"/>
      <c r="Y68" s="116"/>
      <c r="Z68" s="190"/>
      <c r="AA68" s="190"/>
      <c r="AB68" s="110"/>
      <c r="AC68" s="116"/>
      <c r="AD68" s="190"/>
      <c r="AE68" s="190"/>
      <c r="AF68" s="110"/>
    </row>
    <row r="69" spans="1:33" ht="18.75" customHeight="1" x14ac:dyDescent="0.2">
      <c r="A69" s="104"/>
      <c r="B69" s="98"/>
      <c r="C69" s="166"/>
      <c r="D69" s="99"/>
      <c r="E69" s="100"/>
      <c r="F69" s="91"/>
      <c r="G69" s="182"/>
      <c r="H69" s="125" t="s">
        <v>134</v>
      </c>
      <c r="I69" s="118" t="s">
        <v>182</v>
      </c>
      <c r="J69" s="119" t="s">
        <v>153</v>
      </c>
      <c r="K69" s="120"/>
      <c r="L69" s="122" t="s">
        <v>182</v>
      </c>
      <c r="M69" s="119" t="s">
        <v>164</v>
      </c>
      <c r="N69" s="149"/>
      <c r="O69" s="149"/>
      <c r="P69" s="149"/>
      <c r="Q69" s="149"/>
      <c r="R69" s="149"/>
      <c r="S69" s="149"/>
      <c r="T69" s="149"/>
      <c r="U69" s="149"/>
      <c r="V69" s="149"/>
      <c r="W69" s="149"/>
      <c r="X69" s="150"/>
      <c r="Y69" s="116"/>
      <c r="Z69" s="190"/>
      <c r="AA69" s="190"/>
      <c r="AB69" s="110"/>
      <c r="AC69" s="116"/>
      <c r="AD69" s="190"/>
      <c r="AE69" s="190"/>
      <c r="AF69" s="110"/>
    </row>
    <row r="70" spans="1:33" ht="18.75" customHeight="1" x14ac:dyDescent="0.2">
      <c r="A70" s="104"/>
      <c r="B70" s="98"/>
      <c r="C70" s="166"/>
      <c r="D70" s="99"/>
      <c r="E70" s="100"/>
      <c r="F70" s="91"/>
      <c r="G70" s="182"/>
      <c r="H70" s="125" t="s">
        <v>128</v>
      </c>
      <c r="I70" s="118" t="s">
        <v>182</v>
      </c>
      <c r="J70" s="119" t="s">
        <v>153</v>
      </c>
      <c r="K70" s="120"/>
      <c r="L70" s="122" t="s">
        <v>182</v>
      </c>
      <c r="M70" s="119" t="s">
        <v>164</v>
      </c>
      <c r="N70" s="149"/>
      <c r="O70" s="149"/>
      <c r="P70" s="149"/>
      <c r="Q70" s="149"/>
      <c r="R70" s="149"/>
      <c r="S70" s="149"/>
      <c r="T70" s="149"/>
      <c r="U70" s="149"/>
      <c r="V70" s="149"/>
      <c r="W70" s="149"/>
      <c r="X70" s="150"/>
      <c r="Y70" s="116"/>
      <c r="Z70" s="190"/>
      <c r="AA70" s="190"/>
      <c r="AB70" s="110"/>
      <c r="AC70" s="116"/>
      <c r="AD70" s="190"/>
      <c r="AE70" s="190"/>
      <c r="AF70" s="110"/>
    </row>
    <row r="71" spans="1:33" ht="18.75" customHeight="1" x14ac:dyDescent="0.2">
      <c r="A71" s="104"/>
      <c r="B71" s="98"/>
      <c r="C71" s="166"/>
      <c r="D71" s="91"/>
      <c r="E71" s="100"/>
      <c r="F71" s="91"/>
      <c r="G71" s="182"/>
      <c r="H71" s="172" t="s">
        <v>101</v>
      </c>
      <c r="I71" s="122" t="s">
        <v>182</v>
      </c>
      <c r="J71" s="119" t="s">
        <v>153</v>
      </c>
      <c r="K71" s="119"/>
      <c r="L71" s="122" t="s">
        <v>182</v>
      </c>
      <c r="M71" s="119" t="s">
        <v>173</v>
      </c>
      <c r="N71" s="119"/>
      <c r="O71" s="122" t="s">
        <v>182</v>
      </c>
      <c r="P71" s="119" t="s">
        <v>167</v>
      </c>
      <c r="Q71" s="119"/>
      <c r="R71" s="122" t="s">
        <v>182</v>
      </c>
      <c r="S71" s="119" t="s">
        <v>174</v>
      </c>
      <c r="T71" s="149"/>
      <c r="U71" s="149"/>
      <c r="V71" s="149"/>
      <c r="W71" s="149"/>
      <c r="X71" s="150"/>
      <c r="Y71" s="116"/>
      <c r="Z71" s="190"/>
      <c r="AA71" s="190"/>
      <c r="AB71" s="110"/>
      <c r="AC71" s="116"/>
      <c r="AD71" s="190"/>
      <c r="AE71" s="190"/>
      <c r="AF71" s="110"/>
    </row>
    <row r="72" spans="1:33" ht="18.75" customHeight="1" x14ac:dyDescent="0.2">
      <c r="A72" s="137"/>
      <c r="B72" s="89"/>
      <c r="C72" s="138"/>
      <c r="D72" s="139"/>
      <c r="E72" s="140"/>
      <c r="F72" s="92"/>
      <c r="G72" s="141"/>
      <c r="H72" s="223" t="s">
        <v>201</v>
      </c>
      <c r="I72" s="208" t="s">
        <v>182</v>
      </c>
      <c r="J72" s="209" t="s">
        <v>153</v>
      </c>
      <c r="K72" s="209"/>
      <c r="L72" s="210" t="s">
        <v>182</v>
      </c>
      <c r="M72" s="209" t="s">
        <v>189</v>
      </c>
      <c r="N72" s="224"/>
      <c r="O72" s="210" t="s">
        <v>182</v>
      </c>
      <c r="P72" s="201" t="s">
        <v>190</v>
      </c>
      <c r="Q72" s="225"/>
      <c r="R72" s="210" t="s">
        <v>182</v>
      </c>
      <c r="S72" s="209" t="s">
        <v>191</v>
      </c>
      <c r="T72" s="225"/>
      <c r="U72" s="210" t="s">
        <v>182</v>
      </c>
      <c r="V72" s="209" t="s">
        <v>192</v>
      </c>
      <c r="W72" s="226"/>
      <c r="X72" s="227"/>
      <c r="Y72" s="142"/>
      <c r="Z72" s="142"/>
      <c r="AA72" s="142"/>
      <c r="AB72" s="143"/>
      <c r="AC72" s="144"/>
      <c r="AD72" s="142"/>
      <c r="AE72" s="142"/>
      <c r="AF72" s="143"/>
    </row>
    <row r="73" spans="1:33" ht="18.75" customHeight="1" x14ac:dyDescent="0.2">
      <c r="A73" s="41"/>
      <c r="B73" s="87"/>
      <c r="C73" s="162"/>
      <c r="D73" s="90"/>
      <c r="E73" s="97"/>
      <c r="F73" s="90"/>
      <c r="G73" s="102"/>
      <c r="H73" s="230" t="s">
        <v>235</v>
      </c>
      <c r="I73" s="156" t="s">
        <v>182</v>
      </c>
      <c r="J73" s="157" t="s">
        <v>153</v>
      </c>
      <c r="K73" s="157"/>
      <c r="L73" s="163"/>
      <c r="M73" s="159" t="s">
        <v>182</v>
      </c>
      <c r="N73" s="157" t="s">
        <v>168</v>
      </c>
      <c r="O73" s="157"/>
      <c r="P73" s="163"/>
      <c r="Q73" s="159" t="s">
        <v>182</v>
      </c>
      <c r="R73" s="164" t="s">
        <v>169</v>
      </c>
      <c r="S73" s="164"/>
      <c r="T73" s="164"/>
      <c r="U73" s="164"/>
      <c r="V73" s="164"/>
      <c r="W73" s="164"/>
      <c r="X73" s="165"/>
      <c r="Y73" s="145" t="s">
        <v>182</v>
      </c>
      <c r="Z73" s="22" t="s">
        <v>152</v>
      </c>
      <c r="AA73" s="22"/>
      <c r="AB73" s="103"/>
      <c r="AC73" s="145" t="s">
        <v>182</v>
      </c>
      <c r="AD73" s="22" t="s">
        <v>152</v>
      </c>
      <c r="AE73" s="22"/>
      <c r="AF73" s="103"/>
      <c r="AG73" s="219"/>
    </row>
    <row r="74" spans="1:33" ht="19.5" customHeight="1" x14ac:dyDescent="0.2">
      <c r="A74" s="104"/>
      <c r="B74" s="98"/>
      <c r="C74" s="105"/>
      <c r="D74" s="106"/>
      <c r="E74" s="100"/>
      <c r="F74" s="91"/>
      <c r="G74" s="107"/>
      <c r="H74" s="192" t="s">
        <v>123</v>
      </c>
      <c r="I74" s="193" t="s">
        <v>182</v>
      </c>
      <c r="J74" s="194" t="s">
        <v>183</v>
      </c>
      <c r="K74" s="195"/>
      <c r="L74" s="196"/>
      <c r="M74" s="197" t="s">
        <v>182</v>
      </c>
      <c r="N74" s="194" t="s">
        <v>187</v>
      </c>
      <c r="O74" s="197"/>
      <c r="P74" s="194"/>
      <c r="Q74" s="198"/>
      <c r="R74" s="198"/>
      <c r="S74" s="198"/>
      <c r="T74" s="198"/>
      <c r="U74" s="198"/>
      <c r="V74" s="198"/>
      <c r="W74" s="198"/>
      <c r="X74" s="199"/>
      <c r="Y74" s="189" t="s">
        <v>182</v>
      </c>
      <c r="Z74" s="191" t="s">
        <v>157</v>
      </c>
      <c r="AA74" s="190"/>
      <c r="AB74" s="110"/>
      <c r="AC74" s="189" t="s">
        <v>182</v>
      </c>
      <c r="AD74" s="191" t="s">
        <v>157</v>
      </c>
      <c r="AE74" s="190"/>
      <c r="AF74" s="110"/>
    </row>
    <row r="75" spans="1:33" ht="19.5" customHeight="1" x14ac:dyDescent="0.2">
      <c r="A75" s="104"/>
      <c r="B75" s="98"/>
      <c r="C75" s="105"/>
      <c r="D75" s="106"/>
      <c r="E75" s="100"/>
      <c r="F75" s="91"/>
      <c r="G75" s="107"/>
      <c r="H75" s="212" t="s">
        <v>186</v>
      </c>
      <c r="I75" s="112" t="s">
        <v>182</v>
      </c>
      <c r="J75" s="129" t="s">
        <v>183</v>
      </c>
      <c r="K75" s="133"/>
      <c r="L75" s="177"/>
      <c r="M75" s="146" t="s">
        <v>182</v>
      </c>
      <c r="N75" s="129" t="s">
        <v>187</v>
      </c>
      <c r="O75" s="146"/>
      <c r="P75" s="129"/>
      <c r="Q75" s="114"/>
      <c r="R75" s="114"/>
      <c r="S75" s="114"/>
      <c r="T75" s="114"/>
      <c r="U75" s="114"/>
      <c r="V75" s="114"/>
      <c r="W75" s="114"/>
      <c r="X75" s="115"/>
      <c r="Y75" s="189"/>
      <c r="Z75" s="191"/>
      <c r="AA75" s="190"/>
      <c r="AB75" s="110"/>
      <c r="AC75" s="189"/>
      <c r="AD75" s="191"/>
      <c r="AE75" s="190"/>
      <c r="AF75" s="110"/>
    </row>
    <row r="76" spans="1:33" ht="19.5" customHeight="1" x14ac:dyDescent="0.2">
      <c r="A76" s="104"/>
      <c r="B76" s="98"/>
      <c r="C76" s="105"/>
      <c r="D76" s="106"/>
      <c r="E76" s="100"/>
      <c r="F76" s="91"/>
      <c r="G76" s="107"/>
      <c r="H76" s="117" t="s">
        <v>197</v>
      </c>
      <c r="I76" s="118" t="s">
        <v>182</v>
      </c>
      <c r="J76" s="119" t="s">
        <v>183</v>
      </c>
      <c r="K76" s="120"/>
      <c r="L76" s="121"/>
      <c r="M76" s="122" t="s">
        <v>182</v>
      </c>
      <c r="N76" s="119" t="s">
        <v>187</v>
      </c>
      <c r="O76" s="122"/>
      <c r="P76" s="119"/>
      <c r="Q76" s="123"/>
      <c r="R76" s="123"/>
      <c r="S76" s="123"/>
      <c r="T76" s="123"/>
      <c r="U76" s="123"/>
      <c r="V76" s="123"/>
      <c r="W76" s="123"/>
      <c r="X76" s="124"/>
      <c r="Y76" s="116"/>
      <c r="Z76" s="190"/>
      <c r="AA76" s="190"/>
      <c r="AB76" s="110"/>
      <c r="AC76" s="116"/>
      <c r="AD76" s="190"/>
      <c r="AE76" s="190"/>
      <c r="AF76" s="110"/>
    </row>
    <row r="77" spans="1:33" ht="18.75" customHeight="1" x14ac:dyDescent="0.2">
      <c r="A77" s="104"/>
      <c r="B77" s="98"/>
      <c r="C77" s="166"/>
      <c r="D77" s="91"/>
      <c r="E77" s="100"/>
      <c r="F77" s="91"/>
      <c r="G77" s="182"/>
      <c r="H77" s="125" t="s">
        <v>127</v>
      </c>
      <c r="I77" s="148" t="s">
        <v>182</v>
      </c>
      <c r="J77" s="119" t="s">
        <v>153</v>
      </c>
      <c r="K77" s="120"/>
      <c r="L77" s="189" t="s">
        <v>182</v>
      </c>
      <c r="M77" s="119" t="s">
        <v>164</v>
      </c>
      <c r="N77" s="149"/>
      <c r="O77" s="149"/>
      <c r="P77" s="149"/>
      <c r="Q77" s="149"/>
      <c r="R77" s="149"/>
      <c r="S77" s="149"/>
      <c r="T77" s="149"/>
      <c r="U77" s="149"/>
      <c r="V77" s="149"/>
      <c r="W77" s="149"/>
      <c r="X77" s="150"/>
      <c r="Y77" s="116"/>
      <c r="Z77" s="190"/>
      <c r="AA77" s="190"/>
      <c r="AB77" s="110"/>
      <c r="AC77" s="116"/>
      <c r="AD77" s="190"/>
      <c r="AE77" s="190"/>
      <c r="AF77" s="110"/>
      <c r="AG77" s="219"/>
    </row>
    <row r="78" spans="1:33" ht="18.75" customHeight="1" x14ac:dyDescent="0.2">
      <c r="A78" s="104"/>
      <c r="B78" s="98"/>
      <c r="C78" s="166"/>
      <c r="D78" s="91"/>
      <c r="E78" s="100"/>
      <c r="F78" s="91"/>
      <c r="G78" s="182"/>
      <c r="H78" s="275" t="s">
        <v>204</v>
      </c>
      <c r="I78" s="277" t="s">
        <v>182</v>
      </c>
      <c r="J78" s="279" t="s">
        <v>158</v>
      </c>
      <c r="K78" s="279"/>
      <c r="L78" s="279"/>
      <c r="M78" s="277" t="s">
        <v>182</v>
      </c>
      <c r="N78" s="279" t="s">
        <v>159</v>
      </c>
      <c r="O78" s="279"/>
      <c r="P78" s="279"/>
      <c r="Q78" s="135"/>
      <c r="R78" s="135"/>
      <c r="S78" s="135"/>
      <c r="T78" s="135"/>
      <c r="U78" s="135"/>
      <c r="V78" s="135"/>
      <c r="W78" s="135"/>
      <c r="X78" s="136"/>
      <c r="Y78" s="116"/>
      <c r="Z78" s="190"/>
      <c r="AA78" s="190"/>
      <c r="AB78" s="110"/>
      <c r="AC78" s="116"/>
      <c r="AD78" s="190"/>
      <c r="AE78" s="190"/>
      <c r="AF78" s="110"/>
      <c r="AG78" s="219"/>
    </row>
    <row r="79" spans="1:33" ht="20.25" customHeight="1" x14ac:dyDescent="0.2">
      <c r="A79" s="104"/>
      <c r="B79" s="98"/>
      <c r="C79" s="166"/>
      <c r="D79" s="91"/>
      <c r="E79" s="100"/>
      <c r="F79" s="91"/>
      <c r="G79" s="182"/>
      <c r="H79" s="276"/>
      <c r="I79" s="278"/>
      <c r="J79" s="280"/>
      <c r="K79" s="280"/>
      <c r="L79" s="280"/>
      <c r="M79" s="278"/>
      <c r="N79" s="280"/>
      <c r="O79" s="280"/>
      <c r="P79" s="280"/>
      <c r="Q79" s="114"/>
      <c r="R79" s="114"/>
      <c r="S79" s="114"/>
      <c r="T79" s="114"/>
      <c r="U79" s="114"/>
      <c r="V79" s="114"/>
      <c r="W79" s="114"/>
      <c r="X79" s="115"/>
      <c r="Y79" s="116"/>
      <c r="Z79" s="190"/>
      <c r="AA79" s="190"/>
      <c r="AB79" s="110"/>
      <c r="AC79" s="116"/>
      <c r="AD79" s="190"/>
      <c r="AE79" s="190"/>
      <c r="AF79" s="110"/>
      <c r="AG79" s="219"/>
    </row>
    <row r="80" spans="1:33" ht="18.75" customHeight="1" x14ac:dyDescent="0.2">
      <c r="A80" s="99" t="s">
        <v>182</v>
      </c>
      <c r="B80" s="98">
        <v>73</v>
      </c>
      <c r="C80" s="166" t="s">
        <v>236</v>
      </c>
      <c r="D80" s="99" t="s">
        <v>182</v>
      </c>
      <c r="E80" s="100" t="s">
        <v>237</v>
      </c>
      <c r="F80" s="91"/>
      <c r="G80" s="182"/>
      <c r="H80" s="111" t="s">
        <v>110</v>
      </c>
      <c r="I80" s="148" t="s">
        <v>182</v>
      </c>
      <c r="J80" s="119" t="s">
        <v>153</v>
      </c>
      <c r="K80" s="119"/>
      <c r="L80" s="122" t="s">
        <v>182</v>
      </c>
      <c r="M80" s="119" t="s">
        <v>154</v>
      </c>
      <c r="N80" s="119"/>
      <c r="O80" s="151" t="s">
        <v>182</v>
      </c>
      <c r="P80" s="119" t="s">
        <v>155</v>
      </c>
      <c r="Q80" s="149"/>
      <c r="R80" s="151"/>
      <c r="S80" s="119"/>
      <c r="T80" s="149"/>
      <c r="U80" s="151"/>
      <c r="V80" s="119"/>
      <c r="W80" s="149"/>
      <c r="X80" s="115"/>
      <c r="Y80" s="116"/>
      <c r="Z80" s="190"/>
      <c r="AA80" s="190"/>
      <c r="AB80" s="110"/>
      <c r="AC80" s="116"/>
      <c r="AD80" s="190"/>
      <c r="AE80" s="190"/>
      <c r="AF80" s="110"/>
      <c r="AG80" s="219"/>
    </row>
    <row r="81" spans="1:33" ht="18.75" customHeight="1" x14ac:dyDescent="0.2">
      <c r="A81" s="104"/>
      <c r="B81" s="98"/>
      <c r="C81" s="166"/>
      <c r="D81" s="99" t="s">
        <v>182</v>
      </c>
      <c r="E81" s="100" t="s">
        <v>238</v>
      </c>
      <c r="F81" s="91"/>
      <c r="G81" s="182"/>
      <c r="H81" s="172" t="s">
        <v>239</v>
      </c>
      <c r="I81" s="148" t="s">
        <v>182</v>
      </c>
      <c r="J81" s="119" t="s">
        <v>153</v>
      </c>
      <c r="K81" s="120"/>
      <c r="L81" s="189" t="s">
        <v>182</v>
      </c>
      <c r="M81" s="119" t="s">
        <v>164</v>
      </c>
      <c r="N81" s="149"/>
      <c r="O81" s="149"/>
      <c r="P81" s="149"/>
      <c r="Q81" s="149"/>
      <c r="R81" s="149"/>
      <c r="S81" s="149"/>
      <c r="T81" s="149"/>
      <c r="U81" s="149"/>
      <c r="V81" s="149"/>
      <c r="W81" s="149"/>
      <c r="X81" s="150"/>
      <c r="Y81" s="116"/>
      <c r="Z81" s="190"/>
      <c r="AA81" s="190"/>
      <c r="AB81" s="110"/>
      <c r="AC81" s="116"/>
      <c r="AD81" s="190"/>
      <c r="AE81" s="190"/>
      <c r="AF81" s="110"/>
    </row>
    <row r="82" spans="1:33" ht="18.75" customHeight="1" x14ac:dyDescent="0.2">
      <c r="A82" s="104"/>
      <c r="B82" s="98"/>
      <c r="C82" s="166"/>
      <c r="D82" s="91"/>
      <c r="E82" s="100" t="s">
        <v>240</v>
      </c>
      <c r="F82" s="91"/>
      <c r="G82" s="182"/>
      <c r="H82" s="172" t="s">
        <v>241</v>
      </c>
      <c r="I82" s="148" t="s">
        <v>182</v>
      </c>
      <c r="J82" s="119" t="s">
        <v>153</v>
      </c>
      <c r="K82" s="119"/>
      <c r="L82" s="122" t="s">
        <v>182</v>
      </c>
      <c r="M82" s="119" t="s">
        <v>154</v>
      </c>
      <c r="N82" s="119"/>
      <c r="O82" s="151" t="s">
        <v>182</v>
      </c>
      <c r="P82" s="119" t="s">
        <v>155</v>
      </c>
      <c r="Q82" s="149"/>
      <c r="R82" s="151" t="s">
        <v>182</v>
      </c>
      <c r="S82" s="119" t="s">
        <v>156</v>
      </c>
      <c r="T82" s="149"/>
      <c r="U82" s="149"/>
      <c r="V82" s="149"/>
      <c r="W82" s="149"/>
      <c r="X82" s="150"/>
      <c r="Y82" s="116"/>
      <c r="Z82" s="190"/>
      <c r="AA82" s="190"/>
      <c r="AB82" s="110"/>
      <c r="AC82" s="116"/>
      <c r="AD82" s="190"/>
      <c r="AE82" s="190"/>
      <c r="AF82" s="110"/>
    </row>
    <row r="83" spans="1:33" ht="18.75" customHeight="1" x14ac:dyDescent="0.2">
      <c r="A83" s="99"/>
      <c r="B83" s="98"/>
      <c r="C83" s="166"/>
      <c r="D83" s="99"/>
      <c r="E83" s="100"/>
      <c r="F83" s="91"/>
      <c r="G83" s="182"/>
      <c r="H83" s="172" t="s">
        <v>242</v>
      </c>
      <c r="I83" s="118" t="s">
        <v>182</v>
      </c>
      <c r="J83" s="119" t="s">
        <v>153</v>
      </c>
      <c r="K83" s="120"/>
      <c r="L83" s="122" t="s">
        <v>182</v>
      </c>
      <c r="M83" s="119" t="s">
        <v>164</v>
      </c>
      <c r="N83" s="149"/>
      <c r="O83" s="149"/>
      <c r="P83" s="149"/>
      <c r="Q83" s="149"/>
      <c r="R83" s="149"/>
      <c r="S83" s="149"/>
      <c r="T83" s="149"/>
      <c r="U83" s="149"/>
      <c r="V83" s="149"/>
      <c r="W83" s="149"/>
      <c r="X83" s="150"/>
      <c r="Y83" s="116"/>
      <c r="Z83" s="190"/>
      <c r="AA83" s="190"/>
      <c r="AB83" s="110"/>
      <c r="AC83" s="116"/>
      <c r="AD83" s="190"/>
      <c r="AE83" s="190"/>
      <c r="AF83" s="110"/>
    </row>
    <row r="84" spans="1:33" ht="18.75" customHeight="1" x14ac:dyDescent="0.2">
      <c r="A84" s="104"/>
      <c r="B84" s="98"/>
      <c r="C84" s="166"/>
      <c r="D84" s="99"/>
      <c r="E84" s="100"/>
      <c r="F84" s="91"/>
      <c r="G84" s="182"/>
      <c r="H84" s="172" t="s">
        <v>243</v>
      </c>
      <c r="I84" s="118" t="s">
        <v>182</v>
      </c>
      <c r="J84" s="119" t="s">
        <v>153</v>
      </c>
      <c r="K84" s="120"/>
      <c r="L84" s="122" t="s">
        <v>182</v>
      </c>
      <c r="M84" s="119" t="s">
        <v>164</v>
      </c>
      <c r="N84" s="149"/>
      <c r="O84" s="149"/>
      <c r="P84" s="149"/>
      <c r="Q84" s="149"/>
      <c r="R84" s="149"/>
      <c r="S84" s="149"/>
      <c r="T84" s="149"/>
      <c r="U84" s="149"/>
      <c r="V84" s="149"/>
      <c r="W84" s="149"/>
      <c r="X84" s="150"/>
      <c r="Y84" s="116"/>
      <c r="Z84" s="190"/>
      <c r="AA84" s="190"/>
      <c r="AB84" s="110"/>
      <c r="AC84" s="116"/>
      <c r="AD84" s="190"/>
      <c r="AE84" s="190"/>
      <c r="AF84" s="110"/>
    </row>
    <row r="85" spans="1:33" ht="18.75" customHeight="1" x14ac:dyDescent="0.2">
      <c r="A85" s="104"/>
      <c r="B85" s="98"/>
      <c r="C85" s="166"/>
      <c r="D85" s="91"/>
      <c r="E85" s="100"/>
      <c r="F85" s="91"/>
      <c r="G85" s="182"/>
      <c r="H85" s="172" t="s">
        <v>217</v>
      </c>
      <c r="I85" s="118" t="s">
        <v>182</v>
      </c>
      <c r="J85" s="119" t="s">
        <v>153</v>
      </c>
      <c r="K85" s="120"/>
      <c r="L85" s="122" t="s">
        <v>182</v>
      </c>
      <c r="M85" s="119" t="s">
        <v>165</v>
      </c>
      <c r="N85" s="119"/>
      <c r="O85" s="151" t="s">
        <v>182</v>
      </c>
      <c r="P85" s="128" t="s">
        <v>166</v>
      </c>
      <c r="Q85" s="119"/>
      <c r="R85" s="119"/>
      <c r="S85" s="120"/>
      <c r="T85" s="119"/>
      <c r="U85" s="120"/>
      <c r="V85" s="120"/>
      <c r="W85" s="120"/>
      <c r="X85" s="127"/>
      <c r="Y85" s="116"/>
      <c r="Z85" s="190"/>
      <c r="AA85" s="190"/>
      <c r="AB85" s="110"/>
      <c r="AC85" s="116"/>
      <c r="AD85" s="190"/>
      <c r="AE85" s="190"/>
      <c r="AF85" s="110"/>
    </row>
    <row r="86" spans="1:33" ht="18.75" customHeight="1" x14ac:dyDescent="0.2">
      <c r="A86" s="104"/>
      <c r="B86" s="98"/>
      <c r="C86" s="166"/>
      <c r="D86" s="91"/>
      <c r="E86" s="100"/>
      <c r="F86" s="91"/>
      <c r="G86" s="182"/>
      <c r="H86" s="125" t="s">
        <v>128</v>
      </c>
      <c r="I86" s="118" t="s">
        <v>182</v>
      </c>
      <c r="J86" s="119" t="s">
        <v>153</v>
      </c>
      <c r="K86" s="120"/>
      <c r="L86" s="122" t="s">
        <v>182</v>
      </c>
      <c r="M86" s="119" t="s">
        <v>164</v>
      </c>
      <c r="N86" s="149"/>
      <c r="O86" s="149"/>
      <c r="P86" s="149"/>
      <c r="Q86" s="149"/>
      <c r="R86" s="149"/>
      <c r="S86" s="149"/>
      <c r="T86" s="149"/>
      <c r="U86" s="149"/>
      <c r="V86" s="149"/>
      <c r="W86" s="149"/>
      <c r="X86" s="150"/>
      <c r="Y86" s="116"/>
      <c r="Z86" s="190"/>
      <c r="AA86" s="190"/>
      <c r="AB86" s="110"/>
      <c r="AC86" s="116"/>
      <c r="AD86" s="190"/>
      <c r="AE86" s="190"/>
      <c r="AF86" s="110"/>
    </row>
    <row r="87" spans="1:33" ht="18.75" customHeight="1" x14ac:dyDescent="0.2">
      <c r="A87" s="104"/>
      <c r="B87" s="98"/>
      <c r="C87" s="166"/>
      <c r="D87" s="91"/>
      <c r="E87" s="100"/>
      <c r="F87" s="91"/>
      <c r="G87" s="182"/>
      <c r="H87" s="173" t="s">
        <v>195</v>
      </c>
      <c r="I87" s="118" t="s">
        <v>182</v>
      </c>
      <c r="J87" s="119" t="s">
        <v>153</v>
      </c>
      <c r="K87" s="119"/>
      <c r="L87" s="122" t="s">
        <v>182</v>
      </c>
      <c r="M87" s="119" t="s">
        <v>154</v>
      </c>
      <c r="N87" s="119"/>
      <c r="O87" s="122" t="s">
        <v>182</v>
      </c>
      <c r="P87" s="119" t="s">
        <v>155</v>
      </c>
      <c r="Q87" s="123"/>
      <c r="R87" s="123"/>
      <c r="S87" s="123"/>
      <c r="T87" s="123"/>
      <c r="U87" s="174"/>
      <c r="V87" s="174"/>
      <c r="W87" s="174"/>
      <c r="X87" s="175"/>
      <c r="Y87" s="116"/>
      <c r="Z87" s="190"/>
      <c r="AA87" s="190"/>
      <c r="AB87" s="110"/>
      <c r="AC87" s="116"/>
      <c r="AD87" s="190"/>
      <c r="AE87" s="190"/>
      <c r="AF87" s="110"/>
    </row>
    <row r="88" spans="1:33" ht="18.75" customHeight="1" x14ac:dyDescent="0.2">
      <c r="A88" s="104"/>
      <c r="B88" s="98"/>
      <c r="C88" s="166"/>
      <c r="D88" s="91"/>
      <c r="E88" s="100"/>
      <c r="F88" s="91"/>
      <c r="G88" s="182"/>
      <c r="H88" s="172" t="s">
        <v>101</v>
      </c>
      <c r="I88" s="118" t="s">
        <v>182</v>
      </c>
      <c r="J88" s="119" t="s">
        <v>153</v>
      </c>
      <c r="K88" s="119"/>
      <c r="L88" s="122" t="s">
        <v>182</v>
      </c>
      <c r="M88" s="119" t="s">
        <v>160</v>
      </c>
      <c r="N88" s="119"/>
      <c r="O88" s="122" t="s">
        <v>182</v>
      </c>
      <c r="P88" s="119" t="s">
        <v>161</v>
      </c>
      <c r="Q88" s="149"/>
      <c r="R88" s="122" t="s">
        <v>182</v>
      </c>
      <c r="S88" s="119" t="s">
        <v>170</v>
      </c>
      <c r="T88" s="149"/>
      <c r="U88" s="149"/>
      <c r="V88" s="149"/>
      <c r="W88" s="149"/>
      <c r="X88" s="150"/>
      <c r="Y88" s="116"/>
      <c r="Z88" s="190"/>
      <c r="AA88" s="190"/>
      <c r="AB88" s="110"/>
      <c r="AC88" s="116"/>
      <c r="AD88" s="190"/>
      <c r="AE88" s="190"/>
      <c r="AF88" s="110"/>
    </row>
    <row r="89" spans="1:33" ht="18.75" customHeight="1" x14ac:dyDescent="0.2">
      <c r="A89" s="137"/>
      <c r="B89" s="89"/>
      <c r="C89" s="138"/>
      <c r="D89" s="139"/>
      <c r="E89" s="140"/>
      <c r="F89" s="92"/>
      <c r="G89" s="141"/>
      <c r="H89" s="223" t="s">
        <v>201</v>
      </c>
      <c r="I89" s="208" t="s">
        <v>182</v>
      </c>
      <c r="J89" s="209" t="s">
        <v>153</v>
      </c>
      <c r="K89" s="209"/>
      <c r="L89" s="210" t="s">
        <v>182</v>
      </c>
      <c r="M89" s="209" t="s">
        <v>189</v>
      </c>
      <c r="N89" s="224"/>
      <c r="O89" s="210" t="s">
        <v>182</v>
      </c>
      <c r="P89" s="201" t="s">
        <v>190</v>
      </c>
      <c r="Q89" s="225"/>
      <c r="R89" s="210" t="s">
        <v>182</v>
      </c>
      <c r="S89" s="209" t="s">
        <v>191</v>
      </c>
      <c r="T89" s="225"/>
      <c r="U89" s="210" t="s">
        <v>182</v>
      </c>
      <c r="V89" s="209" t="s">
        <v>192</v>
      </c>
      <c r="W89" s="226"/>
      <c r="X89" s="227"/>
      <c r="Y89" s="142"/>
      <c r="Z89" s="142"/>
      <c r="AA89" s="142"/>
      <c r="AB89" s="143"/>
      <c r="AC89" s="144"/>
      <c r="AD89" s="142"/>
      <c r="AE89" s="142"/>
      <c r="AF89" s="143"/>
    </row>
    <row r="90" spans="1:33" ht="18.75" customHeight="1" x14ac:dyDescent="0.2">
      <c r="A90" s="6"/>
      <c r="B90" s="4"/>
      <c r="C90" s="81"/>
      <c r="D90" s="7"/>
      <c r="E90" s="7"/>
      <c r="F90" s="90"/>
      <c r="G90" s="102"/>
      <c r="H90" s="230" t="s">
        <v>87</v>
      </c>
      <c r="I90" s="156" t="s">
        <v>182</v>
      </c>
      <c r="J90" s="232" t="s">
        <v>153</v>
      </c>
      <c r="K90" s="157"/>
      <c r="L90" s="163"/>
      <c r="M90" s="159" t="s">
        <v>182</v>
      </c>
      <c r="N90" s="157" t="s">
        <v>168</v>
      </c>
      <c r="O90" s="157"/>
      <c r="P90" s="163"/>
      <c r="Q90" s="159" t="s">
        <v>182</v>
      </c>
      <c r="R90" s="164" t="s">
        <v>169</v>
      </c>
      <c r="S90" s="164"/>
      <c r="T90" s="164"/>
      <c r="U90" s="164"/>
      <c r="V90" s="164"/>
      <c r="W90" s="164"/>
      <c r="X90" s="165"/>
      <c r="Y90" s="145" t="s">
        <v>182</v>
      </c>
      <c r="Z90" s="22" t="s">
        <v>152</v>
      </c>
      <c r="AA90" s="22"/>
      <c r="AB90" s="103"/>
      <c r="AC90" s="145" t="s">
        <v>182</v>
      </c>
      <c r="AD90" s="22" t="s">
        <v>152</v>
      </c>
      <c r="AE90" s="22"/>
      <c r="AF90" s="103"/>
      <c r="AG90" s="219"/>
    </row>
    <row r="91" spans="1:33" ht="19.5" customHeight="1" x14ac:dyDescent="0.2">
      <c r="A91" s="104"/>
      <c r="B91" s="98"/>
      <c r="C91" s="105"/>
      <c r="D91" s="106"/>
      <c r="E91" s="100"/>
      <c r="F91" s="91"/>
      <c r="G91" s="107"/>
      <c r="H91" s="192" t="s">
        <v>123</v>
      </c>
      <c r="I91" s="193" t="s">
        <v>182</v>
      </c>
      <c r="J91" s="194" t="s">
        <v>183</v>
      </c>
      <c r="K91" s="195"/>
      <c r="L91" s="196"/>
      <c r="M91" s="197" t="s">
        <v>182</v>
      </c>
      <c r="N91" s="194" t="s">
        <v>187</v>
      </c>
      <c r="O91" s="197"/>
      <c r="P91" s="194"/>
      <c r="Q91" s="198"/>
      <c r="R91" s="198"/>
      <c r="S91" s="198"/>
      <c r="T91" s="198"/>
      <c r="U91" s="198"/>
      <c r="V91" s="198"/>
      <c r="W91" s="198"/>
      <c r="X91" s="199"/>
      <c r="Y91" s="189" t="s">
        <v>182</v>
      </c>
      <c r="Z91" s="191" t="s">
        <v>157</v>
      </c>
      <c r="AA91" s="190"/>
      <c r="AB91" s="110"/>
      <c r="AC91" s="189" t="s">
        <v>182</v>
      </c>
      <c r="AD91" s="191" t="s">
        <v>157</v>
      </c>
      <c r="AE91" s="190"/>
      <c r="AF91" s="110"/>
    </row>
    <row r="92" spans="1:33" ht="19.5" customHeight="1" x14ac:dyDescent="0.2">
      <c r="A92" s="104"/>
      <c r="B92" s="98"/>
      <c r="C92" s="166"/>
      <c r="D92" s="99"/>
      <c r="E92" s="100"/>
      <c r="F92" s="91"/>
      <c r="G92" s="107"/>
      <c r="H92" s="233" t="s">
        <v>186</v>
      </c>
      <c r="I92" s="213" t="s">
        <v>182</v>
      </c>
      <c r="J92" s="203" t="s">
        <v>183</v>
      </c>
      <c r="K92" s="205"/>
      <c r="L92" s="234"/>
      <c r="M92" s="214" t="s">
        <v>182</v>
      </c>
      <c r="N92" s="203" t="s">
        <v>187</v>
      </c>
      <c r="O92" s="214"/>
      <c r="P92" s="203"/>
      <c r="Q92" s="206"/>
      <c r="R92" s="206"/>
      <c r="S92" s="206"/>
      <c r="T92" s="206"/>
      <c r="U92" s="206"/>
      <c r="V92" s="206"/>
      <c r="W92" s="206"/>
      <c r="X92" s="207"/>
      <c r="Y92" s="99"/>
      <c r="Z92" s="191"/>
      <c r="AA92" s="191"/>
      <c r="AB92" s="110"/>
      <c r="AC92" s="99"/>
      <c r="AD92" s="191"/>
      <c r="AE92" s="190"/>
      <c r="AF92" s="110"/>
    </row>
    <row r="93" spans="1:33" ht="19.5" customHeight="1" x14ac:dyDescent="0.2">
      <c r="A93" s="99" t="s">
        <v>182</v>
      </c>
      <c r="B93" s="98">
        <v>68</v>
      </c>
      <c r="C93" s="166" t="s">
        <v>244</v>
      </c>
      <c r="D93" s="189" t="s">
        <v>182</v>
      </c>
      <c r="E93" s="100" t="s">
        <v>237</v>
      </c>
      <c r="F93" s="91"/>
      <c r="G93" s="107"/>
      <c r="H93" s="221" t="s">
        <v>197</v>
      </c>
      <c r="I93" s="112" t="s">
        <v>182</v>
      </c>
      <c r="J93" s="129" t="s">
        <v>183</v>
      </c>
      <c r="K93" s="133"/>
      <c r="L93" s="177"/>
      <c r="M93" s="146" t="s">
        <v>182</v>
      </c>
      <c r="N93" s="129" t="s">
        <v>187</v>
      </c>
      <c r="O93" s="146"/>
      <c r="P93" s="129"/>
      <c r="Q93" s="114"/>
      <c r="R93" s="114"/>
      <c r="S93" s="114"/>
      <c r="T93" s="114"/>
      <c r="U93" s="114"/>
      <c r="V93" s="114"/>
      <c r="W93" s="114"/>
      <c r="X93" s="115"/>
      <c r="Y93" s="99"/>
      <c r="Z93" s="191"/>
      <c r="AA93" s="191"/>
      <c r="AB93" s="110"/>
      <c r="AC93" s="99"/>
      <c r="AD93" s="191"/>
      <c r="AE93" s="190"/>
      <c r="AF93" s="110"/>
    </row>
    <row r="94" spans="1:33" ht="18.75" customHeight="1" x14ac:dyDescent="0.2">
      <c r="A94" s="104"/>
      <c r="B94" s="98"/>
      <c r="C94" s="166" t="s">
        <v>245</v>
      </c>
      <c r="D94" s="99" t="s">
        <v>182</v>
      </c>
      <c r="E94" s="100" t="s">
        <v>238</v>
      </c>
      <c r="F94" s="91"/>
      <c r="G94" s="182"/>
      <c r="H94" s="275" t="s">
        <v>204</v>
      </c>
      <c r="I94" s="277" t="s">
        <v>182</v>
      </c>
      <c r="J94" s="279" t="s">
        <v>158</v>
      </c>
      <c r="K94" s="279"/>
      <c r="L94" s="279"/>
      <c r="M94" s="277" t="s">
        <v>182</v>
      </c>
      <c r="N94" s="279" t="s">
        <v>159</v>
      </c>
      <c r="O94" s="279"/>
      <c r="P94" s="279"/>
      <c r="Q94" s="135"/>
      <c r="R94" s="135"/>
      <c r="S94" s="135"/>
      <c r="T94" s="135"/>
      <c r="U94" s="135"/>
      <c r="V94" s="135"/>
      <c r="W94" s="135"/>
      <c r="X94" s="136"/>
      <c r="Y94" s="116"/>
      <c r="Z94" s="190"/>
      <c r="AA94" s="190"/>
      <c r="AB94" s="110"/>
      <c r="AC94" s="116"/>
      <c r="AD94" s="190"/>
      <c r="AE94" s="190"/>
      <c r="AF94" s="110"/>
      <c r="AG94" s="219"/>
    </row>
    <row r="95" spans="1:33" ht="18.75" customHeight="1" x14ac:dyDescent="0.2">
      <c r="A95" s="104"/>
      <c r="B95" s="98"/>
      <c r="C95" s="105"/>
      <c r="D95" s="91"/>
      <c r="E95" s="100" t="s">
        <v>240</v>
      </c>
      <c r="F95" s="91"/>
      <c r="G95" s="182"/>
      <c r="H95" s="276"/>
      <c r="I95" s="278"/>
      <c r="J95" s="280"/>
      <c r="K95" s="280"/>
      <c r="L95" s="280"/>
      <c r="M95" s="278"/>
      <c r="N95" s="280"/>
      <c r="O95" s="280"/>
      <c r="P95" s="280"/>
      <c r="Q95" s="114"/>
      <c r="R95" s="114"/>
      <c r="S95" s="114"/>
      <c r="T95" s="114"/>
      <c r="U95" s="114"/>
      <c r="V95" s="114"/>
      <c r="W95" s="114"/>
      <c r="X95" s="115"/>
      <c r="Y95" s="116"/>
      <c r="Z95" s="190"/>
      <c r="AA95" s="190"/>
      <c r="AB95" s="110"/>
      <c r="AC95" s="116"/>
      <c r="AD95" s="190"/>
      <c r="AE95" s="190"/>
      <c r="AF95" s="110"/>
      <c r="AG95" s="219"/>
    </row>
    <row r="96" spans="1:33" ht="18.75" customHeight="1" x14ac:dyDescent="0.2">
      <c r="A96" s="104"/>
      <c r="B96" s="98"/>
      <c r="C96" s="166"/>
      <c r="D96" s="99"/>
      <c r="E96" s="100"/>
      <c r="F96" s="91"/>
      <c r="G96" s="182"/>
      <c r="H96" s="173" t="s">
        <v>195</v>
      </c>
      <c r="I96" s="118" t="s">
        <v>182</v>
      </c>
      <c r="J96" s="119" t="s">
        <v>153</v>
      </c>
      <c r="K96" s="119"/>
      <c r="L96" s="122" t="s">
        <v>182</v>
      </c>
      <c r="M96" s="119" t="s">
        <v>154</v>
      </c>
      <c r="N96" s="119"/>
      <c r="O96" s="122" t="s">
        <v>182</v>
      </c>
      <c r="P96" s="119" t="s">
        <v>155</v>
      </c>
      <c r="Q96" s="123"/>
      <c r="R96" s="123"/>
      <c r="S96" s="123"/>
      <c r="T96" s="123"/>
      <c r="U96" s="174"/>
      <c r="V96" s="174"/>
      <c r="W96" s="174"/>
      <c r="X96" s="175"/>
      <c r="Y96" s="116"/>
      <c r="Z96" s="190"/>
      <c r="AA96" s="190"/>
      <c r="AB96" s="110"/>
      <c r="AC96" s="116"/>
      <c r="AD96" s="190"/>
      <c r="AE96" s="190"/>
      <c r="AF96" s="110"/>
      <c r="AG96" s="219"/>
    </row>
    <row r="97" spans="1:33" ht="18.75" customHeight="1" x14ac:dyDescent="0.2">
      <c r="A97" s="104"/>
      <c r="B97" s="98"/>
      <c r="C97" s="105"/>
      <c r="D97" s="91"/>
      <c r="E97" s="100"/>
      <c r="F97" s="91"/>
      <c r="G97" s="182"/>
      <c r="H97" s="172" t="s">
        <v>101</v>
      </c>
      <c r="I97" s="118" t="s">
        <v>182</v>
      </c>
      <c r="J97" s="119" t="s">
        <v>153</v>
      </c>
      <c r="K97" s="119"/>
      <c r="L97" s="122" t="s">
        <v>182</v>
      </c>
      <c r="M97" s="119" t="s">
        <v>160</v>
      </c>
      <c r="N97" s="119"/>
      <c r="O97" s="122" t="s">
        <v>182</v>
      </c>
      <c r="P97" s="119" t="s">
        <v>161</v>
      </c>
      <c r="Q97" s="149"/>
      <c r="R97" s="122" t="s">
        <v>182</v>
      </c>
      <c r="S97" s="119" t="s">
        <v>170</v>
      </c>
      <c r="T97" s="149"/>
      <c r="U97" s="149"/>
      <c r="V97" s="149"/>
      <c r="W97" s="149"/>
      <c r="X97" s="150"/>
      <c r="Y97" s="116"/>
      <c r="Z97" s="190"/>
      <c r="AA97" s="190"/>
      <c r="AB97" s="110"/>
      <c r="AC97" s="116"/>
      <c r="AD97" s="190"/>
      <c r="AE97" s="190"/>
      <c r="AF97" s="110"/>
    </row>
    <row r="98" spans="1:33" ht="18.75" customHeight="1" x14ac:dyDescent="0.2">
      <c r="A98" s="137"/>
      <c r="B98" s="89"/>
      <c r="C98" s="138"/>
      <c r="D98" s="139"/>
      <c r="E98" s="140"/>
      <c r="F98" s="92"/>
      <c r="G98" s="141"/>
      <c r="H98" s="223" t="s">
        <v>201</v>
      </c>
      <c r="I98" s="208" t="s">
        <v>182</v>
      </c>
      <c r="J98" s="209" t="s">
        <v>153</v>
      </c>
      <c r="K98" s="209"/>
      <c r="L98" s="210" t="s">
        <v>182</v>
      </c>
      <c r="M98" s="209" t="s">
        <v>189</v>
      </c>
      <c r="N98" s="224"/>
      <c r="O98" s="210" t="s">
        <v>182</v>
      </c>
      <c r="P98" s="201" t="s">
        <v>190</v>
      </c>
      <c r="Q98" s="225"/>
      <c r="R98" s="210" t="s">
        <v>182</v>
      </c>
      <c r="S98" s="209" t="s">
        <v>191</v>
      </c>
      <c r="T98" s="225"/>
      <c r="U98" s="210" t="s">
        <v>182</v>
      </c>
      <c r="V98" s="209" t="s">
        <v>192</v>
      </c>
      <c r="W98" s="226"/>
      <c r="X98" s="227"/>
      <c r="Y98" s="142"/>
      <c r="Z98" s="142"/>
      <c r="AA98" s="142"/>
      <c r="AB98" s="143"/>
      <c r="AC98" s="144"/>
      <c r="AD98" s="142"/>
      <c r="AE98" s="142"/>
      <c r="AF98" s="143"/>
    </row>
    <row r="99" spans="1:33" ht="18.75" customHeight="1" x14ac:dyDescent="0.2">
      <c r="A99" s="41"/>
      <c r="B99" s="87"/>
      <c r="C99" s="162"/>
      <c r="D99" s="90"/>
      <c r="E99" s="97"/>
      <c r="F99" s="178"/>
      <c r="G99" s="102"/>
      <c r="H99" s="230" t="s">
        <v>89</v>
      </c>
      <c r="I99" s="156" t="s">
        <v>182</v>
      </c>
      <c r="J99" s="157" t="s">
        <v>175</v>
      </c>
      <c r="K99" s="158"/>
      <c r="L99" s="163"/>
      <c r="M99" s="159" t="s">
        <v>182</v>
      </c>
      <c r="N99" s="157" t="s">
        <v>176</v>
      </c>
      <c r="O99" s="160"/>
      <c r="P99" s="160"/>
      <c r="Q99" s="160"/>
      <c r="R99" s="160"/>
      <c r="S99" s="160"/>
      <c r="T99" s="160"/>
      <c r="U99" s="160"/>
      <c r="V99" s="160"/>
      <c r="W99" s="160"/>
      <c r="X99" s="161"/>
      <c r="Y99" s="145" t="s">
        <v>182</v>
      </c>
      <c r="Z99" s="22" t="s">
        <v>152</v>
      </c>
      <c r="AA99" s="22"/>
      <c r="AB99" s="103"/>
      <c r="AC99" s="145" t="s">
        <v>182</v>
      </c>
      <c r="AD99" s="22" t="s">
        <v>152</v>
      </c>
      <c r="AE99" s="22"/>
      <c r="AF99" s="103"/>
      <c r="AG99" s="219"/>
    </row>
    <row r="100" spans="1:33" ht="18.75" customHeight="1" x14ac:dyDescent="0.2">
      <c r="A100" s="104"/>
      <c r="B100" s="98"/>
      <c r="C100" s="166"/>
      <c r="D100" s="91"/>
      <c r="E100" s="100"/>
      <c r="F100" s="179"/>
      <c r="G100" s="182"/>
      <c r="H100" s="172" t="s">
        <v>87</v>
      </c>
      <c r="I100" s="118" t="s">
        <v>182</v>
      </c>
      <c r="J100" s="119" t="s">
        <v>153</v>
      </c>
      <c r="K100" s="119"/>
      <c r="L100" s="121"/>
      <c r="M100" s="122" t="s">
        <v>182</v>
      </c>
      <c r="N100" s="119" t="s">
        <v>246</v>
      </c>
      <c r="O100" s="119"/>
      <c r="P100" s="121"/>
      <c r="Q100" s="120"/>
      <c r="R100" s="120"/>
      <c r="S100" s="120"/>
      <c r="T100" s="120"/>
      <c r="U100" s="120"/>
      <c r="V100" s="120"/>
      <c r="W100" s="120"/>
      <c r="X100" s="127"/>
      <c r="Y100" s="99" t="s">
        <v>182</v>
      </c>
      <c r="Z100" s="191" t="s">
        <v>157</v>
      </c>
      <c r="AA100" s="190"/>
      <c r="AB100" s="110"/>
      <c r="AC100" s="99" t="s">
        <v>182</v>
      </c>
      <c r="AD100" s="191" t="s">
        <v>157</v>
      </c>
      <c r="AE100" s="190"/>
      <c r="AF100" s="110"/>
    </row>
    <row r="101" spans="1:33" ht="18.75" customHeight="1" x14ac:dyDescent="0.2">
      <c r="A101" s="104"/>
      <c r="B101" s="98"/>
      <c r="C101" s="166"/>
      <c r="D101" s="91"/>
      <c r="E101" s="100"/>
      <c r="F101" s="179"/>
      <c r="G101" s="182"/>
      <c r="H101" s="147" t="s">
        <v>123</v>
      </c>
      <c r="I101" s="118" t="s">
        <v>182</v>
      </c>
      <c r="J101" s="119" t="s">
        <v>183</v>
      </c>
      <c r="K101" s="120"/>
      <c r="L101" s="121"/>
      <c r="M101" s="122" t="s">
        <v>182</v>
      </c>
      <c r="N101" s="119" t="s">
        <v>184</v>
      </c>
      <c r="O101" s="123"/>
      <c r="P101" s="123"/>
      <c r="Q101" s="120"/>
      <c r="R101" s="120"/>
      <c r="S101" s="120"/>
      <c r="T101" s="120"/>
      <c r="U101" s="120"/>
      <c r="V101" s="120"/>
      <c r="W101" s="120"/>
      <c r="X101" s="127"/>
      <c r="Y101" s="116"/>
      <c r="Z101" s="190"/>
      <c r="AA101" s="190"/>
      <c r="AB101" s="110"/>
      <c r="AC101" s="116"/>
      <c r="AD101" s="190"/>
      <c r="AE101" s="190"/>
      <c r="AF101" s="110"/>
    </row>
    <row r="102" spans="1:33" ht="19.5" customHeight="1" x14ac:dyDescent="0.2">
      <c r="A102" s="104"/>
      <c r="B102" s="98"/>
      <c r="C102" s="105"/>
      <c r="D102" s="106"/>
      <c r="E102" s="100"/>
      <c r="F102" s="91"/>
      <c r="G102" s="107"/>
      <c r="H102" s="117" t="s">
        <v>186</v>
      </c>
      <c r="I102" s="118" t="s">
        <v>182</v>
      </c>
      <c r="J102" s="119" t="s">
        <v>183</v>
      </c>
      <c r="K102" s="120"/>
      <c r="L102" s="121"/>
      <c r="M102" s="122" t="s">
        <v>182</v>
      </c>
      <c r="N102" s="119" t="s">
        <v>187</v>
      </c>
      <c r="O102" s="122"/>
      <c r="P102" s="119"/>
      <c r="Q102" s="123"/>
      <c r="R102" s="123"/>
      <c r="S102" s="123"/>
      <c r="T102" s="123"/>
      <c r="U102" s="123"/>
      <c r="V102" s="123"/>
      <c r="W102" s="123"/>
      <c r="X102" s="124"/>
      <c r="Y102" s="190"/>
      <c r="Z102" s="190"/>
      <c r="AA102" s="190"/>
      <c r="AB102" s="110"/>
      <c r="AC102" s="116"/>
      <c r="AD102" s="190"/>
      <c r="AE102" s="190"/>
      <c r="AF102" s="110"/>
    </row>
    <row r="103" spans="1:33" ht="19.5" customHeight="1" x14ac:dyDescent="0.2">
      <c r="A103" s="104"/>
      <c r="B103" s="98"/>
      <c r="C103" s="105"/>
      <c r="D103" s="106"/>
      <c r="E103" s="100"/>
      <c r="F103" s="91"/>
      <c r="G103" s="107"/>
      <c r="H103" s="117" t="s">
        <v>197</v>
      </c>
      <c r="I103" s="118" t="s">
        <v>182</v>
      </c>
      <c r="J103" s="119" t="s">
        <v>183</v>
      </c>
      <c r="K103" s="120"/>
      <c r="L103" s="121"/>
      <c r="M103" s="122" t="s">
        <v>182</v>
      </c>
      <c r="N103" s="119" t="s">
        <v>187</v>
      </c>
      <c r="O103" s="122"/>
      <c r="P103" s="119"/>
      <c r="Q103" s="123"/>
      <c r="R103" s="123"/>
      <c r="S103" s="123"/>
      <c r="T103" s="123"/>
      <c r="U103" s="123"/>
      <c r="V103" s="123"/>
      <c r="W103" s="123"/>
      <c r="X103" s="124"/>
      <c r="Y103" s="190"/>
      <c r="Z103" s="190"/>
      <c r="AA103" s="190"/>
      <c r="AB103" s="110"/>
      <c r="AC103" s="116"/>
      <c r="AD103" s="190"/>
      <c r="AE103" s="190"/>
      <c r="AF103" s="110"/>
    </row>
    <row r="104" spans="1:33" ht="18.75" customHeight="1" x14ac:dyDescent="0.2">
      <c r="A104" s="104"/>
      <c r="B104" s="98"/>
      <c r="C104" s="166"/>
      <c r="D104" s="91"/>
      <c r="E104" s="100"/>
      <c r="F104" s="179"/>
      <c r="G104" s="182"/>
      <c r="H104" s="292" t="s">
        <v>247</v>
      </c>
      <c r="I104" s="277" t="s">
        <v>182</v>
      </c>
      <c r="J104" s="279" t="s">
        <v>153</v>
      </c>
      <c r="K104" s="279"/>
      <c r="L104" s="277" t="s">
        <v>182</v>
      </c>
      <c r="M104" s="279" t="s">
        <v>164</v>
      </c>
      <c r="N104" s="279"/>
      <c r="O104" s="128"/>
      <c r="P104" s="128"/>
      <c r="Q104" s="128"/>
      <c r="R104" s="128"/>
      <c r="S104" s="128"/>
      <c r="T104" s="128"/>
      <c r="U104" s="128"/>
      <c r="V104" s="128"/>
      <c r="W104" s="128"/>
      <c r="X104" s="132"/>
      <c r="Y104" s="116"/>
      <c r="Z104" s="190"/>
      <c r="AA104" s="190"/>
      <c r="AB104" s="110"/>
      <c r="AC104" s="116"/>
      <c r="AD104" s="190"/>
      <c r="AE104" s="190"/>
      <c r="AF104" s="110"/>
    </row>
    <row r="105" spans="1:33" ht="18.75" customHeight="1" x14ac:dyDescent="0.2">
      <c r="A105" s="104"/>
      <c r="B105" s="98"/>
      <c r="C105" s="166"/>
      <c r="D105" s="91"/>
      <c r="E105" s="100"/>
      <c r="F105" s="179"/>
      <c r="G105" s="182"/>
      <c r="H105" s="293"/>
      <c r="I105" s="278"/>
      <c r="J105" s="280"/>
      <c r="K105" s="280"/>
      <c r="L105" s="278"/>
      <c r="M105" s="280"/>
      <c r="N105" s="280"/>
      <c r="O105" s="129"/>
      <c r="P105" s="129"/>
      <c r="Q105" s="129"/>
      <c r="R105" s="129"/>
      <c r="S105" s="129"/>
      <c r="T105" s="129"/>
      <c r="U105" s="129"/>
      <c r="V105" s="129"/>
      <c r="W105" s="129"/>
      <c r="X105" s="130"/>
      <c r="Y105" s="116"/>
      <c r="Z105" s="190"/>
      <c r="AA105" s="190"/>
      <c r="AB105" s="110"/>
      <c r="AC105" s="116"/>
      <c r="AD105" s="190"/>
      <c r="AE105" s="190"/>
      <c r="AF105" s="110"/>
    </row>
    <row r="106" spans="1:33" ht="18.75" customHeight="1" x14ac:dyDescent="0.2">
      <c r="A106" s="104"/>
      <c r="B106" s="98"/>
      <c r="C106" s="166"/>
      <c r="D106" s="91"/>
      <c r="E106" s="100"/>
      <c r="F106" s="179"/>
      <c r="G106" s="182"/>
      <c r="H106" s="172" t="s">
        <v>248</v>
      </c>
      <c r="I106" s="148" t="s">
        <v>182</v>
      </c>
      <c r="J106" s="119" t="s">
        <v>153</v>
      </c>
      <c r="K106" s="119"/>
      <c r="L106" s="122" t="s">
        <v>182</v>
      </c>
      <c r="M106" s="119" t="s">
        <v>154</v>
      </c>
      <c r="N106" s="119"/>
      <c r="O106" s="151" t="s">
        <v>182</v>
      </c>
      <c r="P106" s="119" t="s">
        <v>155</v>
      </c>
      <c r="Q106" s="149"/>
      <c r="R106" s="149"/>
      <c r="S106" s="149"/>
      <c r="T106" s="149"/>
      <c r="U106" s="149"/>
      <c r="V106" s="149"/>
      <c r="W106" s="149"/>
      <c r="X106" s="150"/>
      <c r="Y106" s="116"/>
      <c r="Z106" s="190"/>
      <c r="AA106" s="190"/>
      <c r="AB106" s="110"/>
      <c r="AC106" s="116"/>
      <c r="AD106" s="190"/>
      <c r="AE106" s="190"/>
      <c r="AF106" s="110"/>
    </row>
    <row r="107" spans="1:33" ht="18.75" customHeight="1" x14ac:dyDescent="0.2">
      <c r="A107" s="99" t="s">
        <v>182</v>
      </c>
      <c r="B107" s="98">
        <v>32</v>
      </c>
      <c r="C107" s="166" t="s">
        <v>249</v>
      </c>
      <c r="D107" s="99" t="s">
        <v>182</v>
      </c>
      <c r="E107" s="100" t="s">
        <v>181</v>
      </c>
      <c r="F107" s="179"/>
      <c r="G107" s="182"/>
      <c r="H107" s="172" t="s">
        <v>206</v>
      </c>
      <c r="I107" s="118" t="s">
        <v>182</v>
      </c>
      <c r="J107" s="119" t="s">
        <v>153</v>
      </c>
      <c r="K107" s="120"/>
      <c r="L107" s="122" t="s">
        <v>182</v>
      </c>
      <c r="M107" s="119" t="s">
        <v>164</v>
      </c>
      <c r="N107" s="149"/>
      <c r="O107" s="149"/>
      <c r="P107" s="149"/>
      <c r="Q107" s="149"/>
      <c r="R107" s="149"/>
      <c r="S107" s="149"/>
      <c r="T107" s="149"/>
      <c r="U107" s="149"/>
      <c r="V107" s="149"/>
      <c r="W107" s="149"/>
      <c r="X107" s="150"/>
      <c r="Y107" s="116"/>
      <c r="Z107" s="190"/>
      <c r="AA107" s="190"/>
      <c r="AB107" s="110"/>
      <c r="AC107" s="116"/>
      <c r="AD107" s="190"/>
      <c r="AE107" s="190"/>
      <c r="AF107" s="110"/>
    </row>
    <row r="108" spans="1:33" ht="18.75" customHeight="1" x14ac:dyDescent="0.2">
      <c r="A108" s="104"/>
      <c r="B108" s="98"/>
      <c r="C108" s="166" t="s">
        <v>250</v>
      </c>
      <c r="D108" s="99" t="s">
        <v>182</v>
      </c>
      <c r="E108" s="100" t="s">
        <v>180</v>
      </c>
      <c r="F108" s="179"/>
      <c r="G108" s="182"/>
      <c r="H108" s="147" t="s">
        <v>251</v>
      </c>
      <c r="I108" s="118" t="s">
        <v>182</v>
      </c>
      <c r="J108" s="119" t="s">
        <v>162</v>
      </c>
      <c r="K108" s="120"/>
      <c r="L108" s="121"/>
      <c r="M108" s="122" t="s">
        <v>182</v>
      </c>
      <c r="N108" s="119" t="s">
        <v>163</v>
      </c>
      <c r="O108" s="123"/>
      <c r="P108" s="123"/>
      <c r="Q108" s="123"/>
      <c r="R108" s="123"/>
      <c r="S108" s="123"/>
      <c r="T108" s="123"/>
      <c r="U108" s="123"/>
      <c r="V108" s="123"/>
      <c r="W108" s="123"/>
      <c r="X108" s="124"/>
      <c r="Y108" s="116"/>
      <c r="Z108" s="190"/>
      <c r="AA108" s="190"/>
      <c r="AB108" s="110"/>
      <c r="AC108" s="116"/>
      <c r="AD108" s="190"/>
      <c r="AE108" s="190"/>
      <c r="AF108" s="110"/>
    </row>
    <row r="109" spans="1:33" ht="18.75" customHeight="1" x14ac:dyDescent="0.2">
      <c r="A109" s="104"/>
      <c r="B109" s="98"/>
      <c r="C109" s="181"/>
      <c r="D109" s="99" t="s">
        <v>182</v>
      </c>
      <c r="E109" s="100" t="s">
        <v>252</v>
      </c>
      <c r="F109" s="179"/>
      <c r="G109" s="182"/>
      <c r="H109" s="172" t="s">
        <v>102</v>
      </c>
      <c r="I109" s="118" t="s">
        <v>182</v>
      </c>
      <c r="J109" s="119" t="s">
        <v>153</v>
      </c>
      <c r="K109" s="120"/>
      <c r="L109" s="122" t="s">
        <v>182</v>
      </c>
      <c r="M109" s="119" t="s">
        <v>164</v>
      </c>
      <c r="N109" s="149"/>
      <c r="O109" s="149"/>
      <c r="P109" s="149"/>
      <c r="Q109" s="149"/>
      <c r="R109" s="149"/>
      <c r="S109" s="149"/>
      <c r="T109" s="149"/>
      <c r="U109" s="149"/>
      <c r="V109" s="149"/>
      <c r="W109" s="149"/>
      <c r="X109" s="150"/>
      <c r="Y109" s="116"/>
      <c r="Z109" s="190"/>
      <c r="AA109" s="190"/>
      <c r="AB109" s="110"/>
      <c r="AC109" s="116"/>
      <c r="AD109" s="190"/>
      <c r="AE109" s="190"/>
      <c r="AF109" s="110"/>
    </row>
    <row r="110" spans="1:33" ht="18.75" customHeight="1" x14ac:dyDescent="0.2">
      <c r="A110" s="104"/>
      <c r="B110" s="98"/>
      <c r="C110" s="181"/>
      <c r="D110" s="99" t="s">
        <v>182</v>
      </c>
      <c r="E110" s="100" t="s">
        <v>253</v>
      </c>
      <c r="F110" s="179"/>
      <c r="G110" s="182"/>
      <c r="H110" s="172" t="s">
        <v>254</v>
      </c>
      <c r="I110" s="148" t="s">
        <v>182</v>
      </c>
      <c r="J110" s="119" t="s">
        <v>153</v>
      </c>
      <c r="K110" s="119"/>
      <c r="L110" s="122" t="s">
        <v>182</v>
      </c>
      <c r="M110" s="119" t="s">
        <v>255</v>
      </c>
      <c r="N110" s="119"/>
      <c r="O110" s="151"/>
      <c r="P110" s="151" t="s">
        <v>182</v>
      </c>
      <c r="Q110" s="119" t="s">
        <v>256</v>
      </c>
      <c r="R110" s="151"/>
      <c r="S110" s="119"/>
      <c r="T110" s="151" t="s">
        <v>182</v>
      </c>
      <c r="U110" s="119" t="s">
        <v>257</v>
      </c>
      <c r="V110" s="149"/>
      <c r="W110" s="149"/>
      <c r="X110" s="150"/>
      <c r="Y110" s="116"/>
      <c r="Z110" s="190"/>
      <c r="AA110" s="190"/>
      <c r="AB110" s="110"/>
      <c r="AC110" s="116"/>
      <c r="AD110" s="190"/>
      <c r="AE110" s="190"/>
      <c r="AF110" s="110"/>
    </row>
    <row r="111" spans="1:33" ht="18.75" customHeight="1" x14ac:dyDescent="0.2">
      <c r="A111" s="104"/>
      <c r="B111" s="98"/>
      <c r="C111" s="166"/>
      <c r="D111" s="99"/>
      <c r="E111" s="100"/>
      <c r="F111" s="179"/>
      <c r="G111" s="182"/>
      <c r="H111" s="172" t="s">
        <v>258</v>
      </c>
      <c r="I111" s="148" t="s">
        <v>182</v>
      </c>
      <c r="J111" s="119" t="s">
        <v>153</v>
      </c>
      <c r="K111" s="119"/>
      <c r="L111" s="122" t="s">
        <v>182</v>
      </c>
      <c r="M111" s="129" t="s">
        <v>164</v>
      </c>
      <c r="N111" s="119"/>
      <c r="O111" s="151"/>
      <c r="P111" s="151"/>
      <c r="Q111" s="151"/>
      <c r="R111" s="151"/>
      <c r="S111" s="151"/>
      <c r="T111" s="151"/>
      <c r="U111" s="151"/>
      <c r="V111" s="151"/>
      <c r="W111" s="151"/>
      <c r="X111" s="150"/>
      <c r="Y111" s="116"/>
      <c r="Z111" s="190"/>
      <c r="AA111" s="190"/>
      <c r="AB111" s="110"/>
      <c r="AC111" s="116"/>
      <c r="AD111" s="190"/>
      <c r="AE111" s="190"/>
      <c r="AF111" s="110"/>
    </row>
    <row r="112" spans="1:33" ht="18.75" customHeight="1" x14ac:dyDescent="0.2">
      <c r="A112" s="104"/>
      <c r="B112" s="98"/>
      <c r="C112" s="181"/>
      <c r="D112" s="99"/>
      <c r="E112" s="100"/>
      <c r="F112" s="179"/>
      <c r="G112" s="182"/>
      <c r="H112" s="172" t="s">
        <v>100</v>
      </c>
      <c r="I112" s="118" t="s">
        <v>182</v>
      </c>
      <c r="J112" s="119" t="s">
        <v>153</v>
      </c>
      <c r="K112" s="119"/>
      <c r="L112" s="122" t="s">
        <v>182</v>
      </c>
      <c r="M112" s="119" t="s">
        <v>154</v>
      </c>
      <c r="N112" s="119"/>
      <c r="O112" s="122" t="s">
        <v>182</v>
      </c>
      <c r="P112" s="119" t="s">
        <v>155</v>
      </c>
      <c r="Q112" s="149"/>
      <c r="R112" s="149"/>
      <c r="S112" s="149"/>
      <c r="T112" s="149"/>
      <c r="U112" s="149"/>
      <c r="V112" s="149"/>
      <c r="W112" s="149"/>
      <c r="X112" s="150"/>
      <c r="Y112" s="116"/>
      <c r="Z112" s="190"/>
      <c r="AA112" s="190"/>
      <c r="AB112" s="110"/>
      <c r="AC112" s="116"/>
      <c r="AD112" s="190"/>
      <c r="AE112" s="190"/>
      <c r="AF112" s="110"/>
    </row>
    <row r="113" spans="1:33" ht="18.75" customHeight="1" x14ac:dyDescent="0.2">
      <c r="A113" s="104"/>
      <c r="B113" s="98"/>
      <c r="C113" s="181"/>
      <c r="D113" s="99"/>
      <c r="E113" s="100"/>
      <c r="F113" s="179"/>
      <c r="G113" s="182"/>
      <c r="H113" s="171" t="s">
        <v>196</v>
      </c>
      <c r="I113" s="118" t="s">
        <v>182</v>
      </c>
      <c r="J113" s="119" t="s">
        <v>153</v>
      </c>
      <c r="K113" s="119"/>
      <c r="L113" s="122" t="s">
        <v>182</v>
      </c>
      <c r="M113" s="119" t="s">
        <v>154</v>
      </c>
      <c r="N113" s="119"/>
      <c r="O113" s="122" t="s">
        <v>182</v>
      </c>
      <c r="P113" s="119" t="s">
        <v>155</v>
      </c>
      <c r="Q113" s="120"/>
      <c r="R113" s="120"/>
      <c r="S113" s="120"/>
      <c r="T113" s="120"/>
      <c r="U113" s="120"/>
      <c r="V113" s="120"/>
      <c r="W113" s="120"/>
      <c r="X113" s="127"/>
      <c r="Y113" s="116"/>
      <c r="Z113" s="190"/>
      <c r="AA113" s="190"/>
      <c r="AB113" s="110"/>
      <c r="AC113" s="116"/>
      <c r="AD113" s="190"/>
      <c r="AE113" s="190"/>
      <c r="AF113" s="110"/>
    </row>
    <row r="114" spans="1:33" ht="18.75" customHeight="1" x14ac:dyDescent="0.2">
      <c r="A114" s="104"/>
      <c r="B114" s="98"/>
      <c r="C114" s="166"/>
      <c r="D114" s="99"/>
      <c r="E114" s="100"/>
      <c r="F114" s="179"/>
      <c r="G114" s="182"/>
      <c r="H114" s="125" t="s">
        <v>128</v>
      </c>
      <c r="I114" s="118" t="s">
        <v>182</v>
      </c>
      <c r="J114" s="119" t="s">
        <v>153</v>
      </c>
      <c r="K114" s="120"/>
      <c r="L114" s="122" t="s">
        <v>182</v>
      </c>
      <c r="M114" s="119" t="s">
        <v>164</v>
      </c>
      <c r="N114" s="149"/>
      <c r="O114" s="149"/>
      <c r="P114" s="149"/>
      <c r="Q114" s="149"/>
      <c r="R114" s="149"/>
      <c r="S114" s="149"/>
      <c r="T114" s="149"/>
      <c r="U114" s="149"/>
      <c r="V114" s="149"/>
      <c r="W114" s="149"/>
      <c r="X114" s="150"/>
      <c r="Y114" s="116"/>
      <c r="Z114" s="190"/>
      <c r="AA114" s="190"/>
      <c r="AB114" s="110"/>
      <c r="AC114" s="116"/>
      <c r="AD114" s="190"/>
      <c r="AE114" s="190"/>
      <c r="AF114" s="110"/>
    </row>
    <row r="115" spans="1:33" ht="18.75" customHeight="1" x14ac:dyDescent="0.2">
      <c r="A115" s="104"/>
      <c r="B115" s="98"/>
      <c r="C115" s="181"/>
      <c r="D115" s="99"/>
      <c r="E115" s="100"/>
      <c r="F115" s="91"/>
      <c r="G115" s="100"/>
      <c r="H115" s="171" t="s">
        <v>199</v>
      </c>
      <c r="I115" s="118" t="s">
        <v>182</v>
      </c>
      <c r="J115" s="119" t="s">
        <v>153</v>
      </c>
      <c r="K115" s="119"/>
      <c r="L115" s="122" t="s">
        <v>182</v>
      </c>
      <c r="M115" s="129" t="s">
        <v>164</v>
      </c>
      <c r="N115" s="119"/>
      <c r="O115" s="119"/>
      <c r="P115" s="119"/>
      <c r="Q115" s="120"/>
      <c r="R115" s="120"/>
      <c r="S115" s="120"/>
      <c r="T115" s="120"/>
      <c r="U115" s="120"/>
      <c r="V115" s="120"/>
      <c r="W115" s="120"/>
      <c r="X115" s="127"/>
      <c r="Y115" s="116"/>
      <c r="Z115" s="190"/>
      <c r="AA115" s="190"/>
      <c r="AB115" s="110"/>
      <c r="AC115" s="116"/>
      <c r="AD115" s="190"/>
      <c r="AE115" s="190"/>
      <c r="AF115" s="110"/>
    </row>
    <row r="116" spans="1:33" ht="18.75" customHeight="1" x14ac:dyDescent="0.2">
      <c r="A116" s="104"/>
      <c r="B116" s="98"/>
      <c r="C116" s="181"/>
      <c r="D116" s="99"/>
      <c r="E116" s="100"/>
      <c r="F116" s="91"/>
      <c r="G116" s="100"/>
      <c r="H116" s="171" t="s">
        <v>200</v>
      </c>
      <c r="I116" s="118" t="s">
        <v>182</v>
      </c>
      <c r="J116" s="119" t="s">
        <v>153</v>
      </c>
      <c r="K116" s="119"/>
      <c r="L116" s="122" t="s">
        <v>182</v>
      </c>
      <c r="M116" s="129" t="s">
        <v>164</v>
      </c>
      <c r="N116" s="119"/>
      <c r="O116" s="119"/>
      <c r="P116" s="119"/>
      <c r="Q116" s="120"/>
      <c r="R116" s="120"/>
      <c r="S116" s="120"/>
      <c r="T116" s="120"/>
      <c r="U116" s="120"/>
      <c r="V116" s="120"/>
      <c r="W116" s="120"/>
      <c r="X116" s="127"/>
      <c r="Y116" s="116"/>
      <c r="Z116" s="190"/>
      <c r="AA116" s="190"/>
      <c r="AB116" s="110"/>
      <c r="AC116" s="116"/>
      <c r="AD116" s="190"/>
      <c r="AE116" s="190"/>
      <c r="AF116" s="110"/>
    </row>
    <row r="117" spans="1:33" ht="18.75" customHeight="1" x14ac:dyDescent="0.2">
      <c r="A117" s="104"/>
      <c r="B117" s="98"/>
      <c r="C117" s="166"/>
      <c r="D117" s="91"/>
      <c r="E117" s="100"/>
      <c r="F117" s="179"/>
      <c r="G117" s="182"/>
      <c r="H117" s="173" t="s">
        <v>195</v>
      </c>
      <c r="I117" s="118" t="s">
        <v>182</v>
      </c>
      <c r="J117" s="119" t="s">
        <v>153</v>
      </c>
      <c r="K117" s="119"/>
      <c r="L117" s="122" t="s">
        <v>182</v>
      </c>
      <c r="M117" s="119" t="s">
        <v>154</v>
      </c>
      <c r="N117" s="119"/>
      <c r="O117" s="122" t="s">
        <v>182</v>
      </c>
      <c r="P117" s="119" t="s">
        <v>155</v>
      </c>
      <c r="Q117" s="123"/>
      <c r="R117" s="123"/>
      <c r="S117" s="123"/>
      <c r="T117" s="123"/>
      <c r="U117" s="174"/>
      <c r="V117" s="174"/>
      <c r="W117" s="174"/>
      <c r="X117" s="175"/>
      <c r="Y117" s="116"/>
      <c r="Z117" s="190"/>
      <c r="AA117" s="190"/>
      <c r="AB117" s="110"/>
      <c r="AC117" s="116"/>
      <c r="AD117" s="190"/>
      <c r="AE117" s="190"/>
      <c r="AF117" s="110"/>
    </row>
    <row r="118" spans="1:33" ht="18.75" customHeight="1" x14ac:dyDescent="0.2">
      <c r="A118" s="104"/>
      <c r="B118" s="98"/>
      <c r="C118" s="166"/>
      <c r="D118" s="91"/>
      <c r="E118" s="100"/>
      <c r="F118" s="179"/>
      <c r="G118" s="182"/>
      <c r="H118" s="172" t="s">
        <v>101</v>
      </c>
      <c r="I118" s="118" t="s">
        <v>182</v>
      </c>
      <c r="J118" s="119" t="s">
        <v>153</v>
      </c>
      <c r="K118" s="119"/>
      <c r="L118" s="122" t="s">
        <v>182</v>
      </c>
      <c r="M118" s="119" t="s">
        <v>160</v>
      </c>
      <c r="N118" s="119"/>
      <c r="O118" s="122" t="s">
        <v>182</v>
      </c>
      <c r="P118" s="119" t="s">
        <v>161</v>
      </c>
      <c r="Q118" s="149"/>
      <c r="R118" s="122" t="s">
        <v>182</v>
      </c>
      <c r="S118" s="119" t="s">
        <v>170</v>
      </c>
      <c r="T118" s="149"/>
      <c r="U118" s="149"/>
      <c r="V118" s="149"/>
      <c r="W118" s="149"/>
      <c r="X118" s="150"/>
      <c r="Y118" s="116"/>
      <c r="Z118" s="190"/>
      <c r="AA118" s="190"/>
      <c r="AB118" s="110"/>
      <c r="AC118" s="116"/>
      <c r="AD118" s="190"/>
      <c r="AE118" s="190"/>
      <c r="AF118" s="110"/>
    </row>
    <row r="119" spans="1:33" ht="18.75" customHeight="1" x14ac:dyDescent="0.2">
      <c r="A119" s="137"/>
      <c r="B119" s="89"/>
      <c r="C119" s="138"/>
      <c r="D119" s="139"/>
      <c r="E119" s="140"/>
      <c r="F119" s="92"/>
      <c r="G119" s="141"/>
      <c r="H119" s="223" t="s">
        <v>201</v>
      </c>
      <c r="I119" s="208" t="s">
        <v>182</v>
      </c>
      <c r="J119" s="209" t="s">
        <v>153</v>
      </c>
      <c r="K119" s="209"/>
      <c r="L119" s="210" t="s">
        <v>182</v>
      </c>
      <c r="M119" s="209" t="s">
        <v>189</v>
      </c>
      <c r="N119" s="224"/>
      <c r="O119" s="210" t="s">
        <v>182</v>
      </c>
      <c r="P119" s="201" t="s">
        <v>190</v>
      </c>
      <c r="Q119" s="225"/>
      <c r="R119" s="210" t="s">
        <v>182</v>
      </c>
      <c r="S119" s="209" t="s">
        <v>191</v>
      </c>
      <c r="T119" s="225"/>
      <c r="U119" s="210" t="s">
        <v>182</v>
      </c>
      <c r="V119" s="209" t="s">
        <v>192</v>
      </c>
      <c r="W119" s="226"/>
      <c r="X119" s="227"/>
      <c r="Y119" s="142"/>
      <c r="Z119" s="142"/>
      <c r="AA119" s="142"/>
      <c r="AB119" s="143"/>
      <c r="AC119" s="144"/>
      <c r="AD119" s="142"/>
      <c r="AE119" s="142"/>
      <c r="AF119" s="143"/>
    </row>
    <row r="120" spans="1:33" ht="18.75" customHeight="1" x14ac:dyDescent="0.2">
      <c r="A120" s="41"/>
      <c r="B120" s="87"/>
      <c r="C120" s="162"/>
      <c r="D120" s="90"/>
      <c r="E120" s="97"/>
      <c r="F120" s="178"/>
      <c r="G120" s="102"/>
      <c r="H120" s="230" t="s">
        <v>89</v>
      </c>
      <c r="I120" s="156" t="s">
        <v>182</v>
      </c>
      <c r="J120" s="157" t="s">
        <v>175</v>
      </c>
      <c r="K120" s="158"/>
      <c r="L120" s="163"/>
      <c r="M120" s="159" t="s">
        <v>182</v>
      </c>
      <c r="N120" s="157" t="s">
        <v>176</v>
      </c>
      <c r="O120" s="160"/>
      <c r="P120" s="160"/>
      <c r="Q120" s="160"/>
      <c r="R120" s="160"/>
      <c r="S120" s="160"/>
      <c r="T120" s="160"/>
      <c r="U120" s="160"/>
      <c r="V120" s="160"/>
      <c r="W120" s="160"/>
      <c r="X120" s="161"/>
      <c r="Y120" s="145" t="s">
        <v>182</v>
      </c>
      <c r="Z120" s="22" t="s">
        <v>152</v>
      </c>
      <c r="AA120" s="22"/>
      <c r="AB120" s="103"/>
      <c r="AC120" s="145" t="s">
        <v>182</v>
      </c>
      <c r="AD120" s="22" t="s">
        <v>152</v>
      </c>
      <c r="AE120" s="22"/>
      <c r="AF120" s="103"/>
      <c r="AG120" s="219"/>
    </row>
    <row r="121" spans="1:33" ht="18.75" customHeight="1" x14ac:dyDescent="0.2">
      <c r="A121" s="104"/>
      <c r="B121" s="98"/>
      <c r="C121" s="166"/>
      <c r="D121" s="91"/>
      <c r="E121" s="100"/>
      <c r="F121" s="179"/>
      <c r="G121" s="182"/>
      <c r="H121" s="172" t="s">
        <v>87</v>
      </c>
      <c r="I121" s="118" t="s">
        <v>182</v>
      </c>
      <c r="J121" s="119" t="s">
        <v>153</v>
      </c>
      <c r="K121" s="119"/>
      <c r="L121" s="121"/>
      <c r="M121" s="122" t="s">
        <v>182</v>
      </c>
      <c r="N121" s="119" t="s">
        <v>246</v>
      </c>
      <c r="O121" s="119"/>
      <c r="P121" s="121"/>
      <c r="Q121" s="120"/>
      <c r="R121" s="120"/>
      <c r="S121" s="120"/>
      <c r="T121" s="120"/>
      <c r="U121" s="120"/>
      <c r="V121" s="120"/>
      <c r="W121" s="120"/>
      <c r="X121" s="127"/>
      <c r="Y121" s="99" t="s">
        <v>182</v>
      </c>
      <c r="Z121" s="191" t="s">
        <v>157</v>
      </c>
      <c r="AA121" s="190"/>
      <c r="AB121" s="110"/>
      <c r="AC121" s="99" t="s">
        <v>182</v>
      </c>
      <c r="AD121" s="191" t="s">
        <v>157</v>
      </c>
      <c r="AE121" s="190"/>
      <c r="AF121" s="110"/>
    </row>
    <row r="122" spans="1:33" ht="19.5" customHeight="1" x14ac:dyDescent="0.2">
      <c r="A122" s="104"/>
      <c r="B122" s="98"/>
      <c r="C122" s="105"/>
      <c r="D122" s="106"/>
      <c r="E122" s="100"/>
      <c r="F122" s="91"/>
      <c r="G122" s="107"/>
      <c r="H122" s="192" t="s">
        <v>123</v>
      </c>
      <c r="I122" s="193" t="s">
        <v>182</v>
      </c>
      <c r="J122" s="194" t="s">
        <v>183</v>
      </c>
      <c r="K122" s="195"/>
      <c r="L122" s="196"/>
      <c r="M122" s="197" t="s">
        <v>182</v>
      </c>
      <c r="N122" s="194" t="s">
        <v>187</v>
      </c>
      <c r="O122" s="197"/>
      <c r="P122" s="194"/>
      <c r="Q122" s="198"/>
      <c r="R122" s="198"/>
      <c r="S122" s="198"/>
      <c r="T122" s="198"/>
      <c r="U122" s="198"/>
      <c r="V122" s="198"/>
      <c r="W122" s="198"/>
      <c r="X122" s="199"/>
      <c r="Y122" s="189"/>
      <c r="Z122" s="191"/>
      <c r="AA122" s="190"/>
      <c r="AB122" s="110"/>
      <c r="AC122" s="189"/>
      <c r="AD122" s="191"/>
      <c r="AE122" s="190"/>
      <c r="AF122" s="110"/>
    </row>
    <row r="123" spans="1:33" ht="19.5" customHeight="1" x14ac:dyDescent="0.2">
      <c r="A123" s="104"/>
      <c r="B123" s="98"/>
      <c r="C123" s="105"/>
      <c r="D123" s="106"/>
      <c r="E123" s="100"/>
      <c r="F123" s="91"/>
      <c r="G123" s="107"/>
      <c r="H123" s="192" t="s">
        <v>186</v>
      </c>
      <c r="I123" s="193" t="s">
        <v>182</v>
      </c>
      <c r="J123" s="194" t="s">
        <v>183</v>
      </c>
      <c r="K123" s="195"/>
      <c r="L123" s="196"/>
      <c r="M123" s="197" t="s">
        <v>182</v>
      </c>
      <c r="N123" s="194" t="s">
        <v>187</v>
      </c>
      <c r="O123" s="197"/>
      <c r="P123" s="194"/>
      <c r="Q123" s="198"/>
      <c r="R123" s="198"/>
      <c r="S123" s="198"/>
      <c r="T123" s="198"/>
      <c r="U123" s="198"/>
      <c r="V123" s="198"/>
      <c r="W123" s="198"/>
      <c r="X123" s="199"/>
      <c r="Y123" s="190"/>
      <c r="Z123" s="190"/>
      <c r="AA123" s="190"/>
      <c r="AB123" s="110"/>
      <c r="AC123" s="116"/>
      <c r="AD123" s="190"/>
      <c r="AE123" s="190"/>
      <c r="AF123" s="110"/>
    </row>
    <row r="124" spans="1:33" ht="19.5" customHeight="1" x14ac:dyDescent="0.2">
      <c r="A124" s="104"/>
      <c r="B124" s="98"/>
      <c r="C124" s="105"/>
      <c r="D124" s="106"/>
      <c r="E124" s="100"/>
      <c r="F124" s="91"/>
      <c r="G124" s="107"/>
      <c r="H124" s="117" t="s">
        <v>197</v>
      </c>
      <c r="I124" s="118" t="s">
        <v>182</v>
      </c>
      <c r="J124" s="119" t="s">
        <v>183</v>
      </c>
      <c r="K124" s="120"/>
      <c r="L124" s="121"/>
      <c r="M124" s="122" t="s">
        <v>182</v>
      </c>
      <c r="N124" s="119" t="s">
        <v>187</v>
      </c>
      <c r="O124" s="122"/>
      <c r="P124" s="119"/>
      <c r="Q124" s="123"/>
      <c r="R124" s="123"/>
      <c r="S124" s="123"/>
      <c r="T124" s="123"/>
      <c r="U124" s="123"/>
      <c r="V124" s="123"/>
      <c r="W124" s="123"/>
      <c r="X124" s="124"/>
      <c r="Y124" s="190"/>
      <c r="Z124" s="190"/>
      <c r="AA124" s="190"/>
      <c r="AB124" s="110"/>
      <c r="AC124" s="116"/>
      <c r="AD124" s="190"/>
      <c r="AE124" s="190"/>
      <c r="AF124" s="110"/>
    </row>
    <row r="125" spans="1:33" ht="18.75" customHeight="1" x14ac:dyDescent="0.2">
      <c r="A125" s="104"/>
      <c r="B125" s="98"/>
      <c r="C125" s="166"/>
      <c r="D125" s="91"/>
      <c r="E125" s="100"/>
      <c r="F125" s="179"/>
      <c r="G125" s="182"/>
      <c r="H125" s="292" t="s">
        <v>247</v>
      </c>
      <c r="I125" s="277" t="s">
        <v>182</v>
      </c>
      <c r="J125" s="279" t="s">
        <v>153</v>
      </c>
      <c r="K125" s="279"/>
      <c r="L125" s="277" t="s">
        <v>182</v>
      </c>
      <c r="M125" s="279" t="s">
        <v>164</v>
      </c>
      <c r="N125" s="279"/>
      <c r="O125" s="128"/>
      <c r="P125" s="128"/>
      <c r="Q125" s="128"/>
      <c r="R125" s="128"/>
      <c r="S125" s="128"/>
      <c r="T125" s="128"/>
      <c r="U125" s="128"/>
      <c r="V125" s="128"/>
      <c r="W125" s="128"/>
      <c r="X125" s="132"/>
      <c r="Y125" s="116"/>
      <c r="Z125" s="190"/>
      <c r="AA125" s="190"/>
      <c r="AB125" s="110"/>
      <c r="AC125" s="116"/>
      <c r="AD125" s="190"/>
      <c r="AE125" s="190"/>
      <c r="AF125" s="110"/>
      <c r="AG125" s="219"/>
    </row>
    <row r="126" spans="1:33" ht="18.75" customHeight="1" x14ac:dyDescent="0.2">
      <c r="A126" s="99" t="s">
        <v>182</v>
      </c>
      <c r="B126" s="98">
        <v>38</v>
      </c>
      <c r="C126" s="166" t="s">
        <v>249</v>
      </c>
      <c r="D126" s="99" t="s">
        <v>182</v>
      </c>
      <c r="E126" s="100" t="s">
        <v>181</v>
      </c>
      <c r="F126" s="179"/>
      <c r="G126" s="182"/>
      <c r="H126" s="293"/>
      <c r="I126" s="278"/>
      <c r="J126" s="280"/>
      <c r="K126" s="280"/>
      <c r="L126" s="278"/>
      <c r="M126" s="280"/>
      <c r="N126" s="280"/>
      <c r="O126" s="129"/>
      <c r="P126" s="129"/>
      <c r="Q126" s="129"/>
      <c r="R126" s="129"/>
      <c r="S126" s="129"/>
      <c r="T126" s="129"/>
      <c r="U126" s="129"/>
      <c r="V126" s="129"/>
      <c r="W126" s="129"/>
      <c r="X126" s="130"/>
      <c r="Y126" s="116"/>
      <c r="Z126" s="190"/>
      <c r="AA126" s="190"/>
      <c r="AB126" s="110"/>
      <c r="AC126" s="116"/>
      <c r="AD126" s="190"/>
      <c r="AE126" s="190"/>
      <c r="AF126" s="110"/>
      <c r="AG126" s="219"/>
    </row>
    <row r="127" spans="1:33" ht="18.75" customHeight="1" x14ac:dyDescent="0.2">
      <c r="A127" s="104"/>
      <c r="B127" s="98"/>
      <c r="C127" s="166" t="s">
        <v>250</v>
      </c>
      <c r="D127" s="99" t="s">
        <v>182</v>
      </c>
      <c r="E127" s="100" t="s">
        <v>180</v>
      </c>
      <c r="F127" s="179"/>
      <c r="G127" s="182"/>
      <c r="H127" s="172" t="s">
        <v>248</v>
      </c>
      <c r="I127" s="148" t="s">
        <v>182</v>
      </c>
      <c r="J127" s="119" t="s">
        <v>153</v>
      </c>
      <c r="K127" s="119"/>
      <c r="L127" s="122" t="s">
        <v>182</v>
      </c>
      <c r="M127" s="119" t="s">
        <v>154</v>
      </c>
      <c r="N127" s="119"/>
      <c r="O127" s="151" t="s">
        <v>182</v>
      </c>
      <c r="P127" s="119" t="s">
        <v>155</v>
      </c>
      <c r="Q127" s="149"/>
      <c r="R127" s="149"/>
      <c r="S127" s="149"/>
      <c r="T127" s="149"/>
      <c r="U127" s="149"/>
      <c r="V127" s="149"/>
      <c r="W127" s="149"/>
      <c r="X127" s="150"/>
      <c r="Y127" s="116"/>
      <c r="Z127" s="190"/>
      <c r="AA127" s="190"/>
      <c r="AB127" s="110"/>
      <c r="AC127" s="116"/>
      <c r="AD127" s="190"/>
      <c r="AE127" s="190"/>
      <c r="AF127" s="110"/>
      <c r="AG127" s="219"/>
    </row>
    <row r="128" spans="1:33" ht="18.75" customHeight="1" x14ac:dyDescent="0.2">
      <c r="A128" s="104"/>
      <c r="B128" s="98"/>
      <c r="C128" s="166" t="s">
        <v>245</v>
      </c>
      <c r="D128" s="99" t="s">
        <v>182</v>
      </c>
      <c r="E128" s="100" t="s">
        <v>252</v>
      </c>
      <c r="F128" s="179"/>
      <c r="G128" s="182"/>
      <c r="H128" s="172" t="s">
        <v>206</v>
      </c>
      <c r="I128" s="118" t="s">
        <v>182</v>
      </c>
      <c r="J128" s="119" t="s">
        <v>153</v>
      </c>
      <c r="K128" s="120"/>
      <c r="L128" s="122" t="s">
        <v>182</v>
      </c>
      <c r="M128" s="119" t="s">
        <v>164</v>
      </c>
      <c r="N128" s="149"/>
      <c r="O128" s="149"/>
      <c r="P128" s="149"/>
      <c r="Q128" s="149"/>
      <c r="R128" s="149"/>
      <c r="S128" s="149"/>
      <c r="T128" s="149"/>
      <c r="U128" s="149"/>
      <c r="V128" s="149"/>
      <c r="W128" s="149"/>
      <c r="X128" s="150"/>
      <c r="Y128" s="116"/>
      <c r="Z128" s="190"/>
      <c r="AA128" s="190"/>
      <c r="AB128" s="110"/>
      <c r="AC128" s="116"/>
      <c r="AD128" s="190"/>
      <c r="AE128" s="190"/>
      <c r="AF128" s="110"/>
    </row>
    <row r="129" spans="1:33" ht="18.75" customHeight="1" x14ac:dyDescent="0.2">
      <c r="A129" s="104"/>
      <c r="B129" s="98"/>
      <c r="C129" s="181"/>
      <c r="D129" s="99" t="s">
        <v>182</v>
      </c>
      <c r="E129" s="100" t="s">
        <v>253</v>
      </c>
      <c r="F129" s="179"/>
      <c r="G129" s="182"/>
      <c r="H129" s="172" t="s">
        <v>254</v>
      </c>
      <c r="I129" s="148" t="s">
        <v>182</v>
      </c>
      <c r="J129" s="119" t="s">
        <v>153</v>
      </c>
      <c r="K129" s="119"/>
      <c r="L129" s="122" t="s">
        <v>182</v>
      </c>
      <c r="M129" s="119" t="s">
        <v>255</v>
      </c>
      <c r="N129" s="119"/>
      <c r="O129" s="151"/>
      <c r="P129" s="151" t="s">
        <v>182</v>
      </c>
      <c r="Q129" s="119" t="s">
        <v>256</v>
      </c>
      <c r="R129" s="151"/>
      <c r="S129" s="119"/>
      <c r="T129" s="151" t="s">
        <v>182</v>
      </c>
      <c r="U129" s="119" t="s">
        <v>257</v>
      </c>
      <c r="V129" s="149"/>
      <c r="W129" s="149"/>
      <c r="X129" s="150"/>
      <c r="Y129" s="116"/>
      <c r="Z129" s="190"/>
      <c r="AA129" s="190"/>
      <c r="AB129" s="110"/>
      <c r="AC129" s="116"/>
      <c r="AD129" s="190"/>
      <c r="AE129" s="190"/>
      <c r="AF129" s="110"/>
    </row>
    <row r="130" spans="1:33" ht="18.75" customHeight="1" x14ac:dyDescent="0.2">
      <c r="A130" s="104"/>
      <c r="B130" s="98"/>
      <c r="C130" s="166"/>
      <c r="D130" s="99"/>
      <c r="E130" s="100"/>
      <c r="F130" s="179"/>
      <c r="G130" s="182"/>
      <c r="H130" s="172" t="s">
        <v>258</v>
      </c>
      <c r="I130" s="148" t="s">
        <v>182</v>
      </c>
      <c r="J130" s="119" t="s">
        <v>153</v>
      </c>
      <c r="K130" s="119"/>
      <c r="L130" s="122" t="s">
        <v>182</v>
      </c>
      <c r="M130" s="129" t="s">
        <v>164</v>
      </c>
      <c r="N130" s="119"/>
      <c r="O130" s="151"/>
      <c r="P130" s="151"/>
      <c r="Q130" s="151"/>
      <c r="R130" s="151"/>
      <c r="S130" s="151"/>
      <c r="T130" s="151"/>
      <c r="U130" s="151"/>
      <c r="V130" s="151"/>
      <c r="W130" s="151"/>
      <c r="X130" s="150"/>
      <c r="Y130" s="116"/>
      <c r="Z130" s="190"/>
      <c r="AA130" s="190"/>
      <c r="AB130" s="110"/>
      <c r="AC130" s="116"/>
      <c r="AD130" s="190"/>
      <c r="AE130" s="190"/>
      <c r="AF130" s="110"/>
    </row>
    <row r="131" spans="1:33" ht="18.75" customHeight="1" x14ac:dyDescent="0.2">
      <c r="A131" s="104"/>
      <c r="B131" s="98"/>
      <c r="C131" s="181"/>
      <c r="D131" s="99"/>
      <c r="E131" s="100"/>
      <c r="F131" s="91"/>
      <c r="G131" s="100"/>
      <c r="H131" s="171" t="s">
        <v>199</v>
      </c>
      <c r="I131" s="118" t="s">
        <v>182</v>
      </c>
      <c r="J131" s="119" t="s">
        <v>153</v>
      </c>
      <c r="K131" s="119"/>
      <c r="L131" s="122" t="s">
        <v>182</v>
      </c>
      <c r="M131" s="129" t="s">
        <v>164</v>
      </c>
      <c r="N131" s="119"/>
      <c r="O131" s="119"/>
      <c r="P131" s="119"/>
      <c r="Q131" s="120"/>
      <c r="R131" s="120"/>
      <c r="S131" s="120"/>
      <c r="T131" s="120"/>
      <c r="U131" s="120"/>
      <c r="V131" s="120"/>
      <c r="W131" s="120"/>
      <c r="X131" s="127"/>
      <c r="Y131" s="116"/>
      <c r="Z131" s="190"/>
      <c r="AA131" s="190"/>
      <c r="AB131" s="110"/>
      <c r="AC131" s="116"/>
      <c r="AD131" s="190"/>
      <c r="AE131" s="190"/>
      <c r="AF131" s="110"/>
    </row>
    <row r="132" spans="1:33" ht="18.75" customHeight="1" x14ac:dyDescent="0.2">
      <c r="A132" s="104"/>
      <c r="B132" s="98"/>
      <c r="C132" s="166"/>
      <c r="D132" s="99"/>
      <c r="E132" s="100"/>
      <c r="F132" s="91"/>
      <c r="G132" s="100"/>
      <c r="H132" s="171" t="s">
        <v>200</v>
      </c>
      <c r="I132" s="118" t="s">
        <v>182</v>
      </c>
      <c r="J132" s="119" t="s">
        <v>153</v>
      </c>
      <c r="K132" s="119"/>
      <c r="L132" s="122" t="s">
        <v>182</v>
      </c>
      <c r="M132" s="129" t="s">
        <v>164</v>
      </c>
      <c r="N132" s="119"/>
      <c r="O132" s="119"/>
      <c r="P132" s="119"/>
      <c r="Q132" s="120"/>
      <c r="R132" s="120"/>
      <c r="S132" s="120"/>
      <c r="T132" s="120"/>
      <c r="U132" s="120"/>
      <c r="V132" s="120"/>
      <c r="W132" s="120"/>
      <c r="X132" s="127"/>
      <c r="Y132" s="116"/>
      <c r="Z132" s="190"/>
      <c r="AA132" s="190"/>
      <c r="AB132" s="110"/>
      <c r="AC132" s="116"/>
      <c r="AD132" s="190"/>
      <c r="AE132" s="190"/>
      <c r="AF132" s="110"/>
    </row>
    <row r="133" spans="1:33" ht="18.75" customHeight="1" x14ac:dyDescent="0.2">
      <c r="A133" s="104"/>
      <c r="B133" s="98"/>
      <c r="C133" s="181"/>
      <c r="D133" s="99"/>
      <c r="E133" s="100"/>
      <c r="F133" s="179"/>
      <c r="G133" s="182"/>
      <c r="H133" s="173" t="s">
        <v>195</v>
      </c>
      <c r="I133" s="118" t="s">
        <v>182</v>
      </c>
      <c r="J133" s="119" t="s">
        <v>153</v>
      </c>
      <c r="K133" s="119"/>
      <c r="L133" s="122" t="s">
        <v>182</v>
      </c>
      <c r="M133" s="119" t="s">
        <v>154</v>
      </c>
      <c r="N133" s="119"/>
      <c r="O133" s="122" t="s">
        <v>182</v>
      </c>
      <c r="P133" s="119" t="s">
        <v>155</v>
      </c>
      <c r="Q133" s="123"/>
      <c r="R133" s="123"/>
      <c r="S133" s="123"/>
      <c r="T133" s="123"/>
      <c r="U133" s="174"/>
      <c r="V133" s="174"/>
      <c r="W133" s="174"/>
      <c r="X133" s="175"/>
      <c r="Y133" s="116"/>
      <c r="Z133" s="190"/>
      <c r="AA133" s="190"/>
      <c r="AB133" s="110"/>
      <c r="AC133" s="116"/>
      <c r="AD133" s="190"/>
      <c r="AE133" s="190"/>
      <c r="AF133" s="110"/>
    </row>
    <row r="134" spans="1:33" ht="18.75" customHeight="1" x14ac:dyDescent="0.2">
      <c r="A134" s="104"/>
      <c r="B134" s="98"/>
      <c r="C134" s="166"/>
      <c r="D134" s="106"/>
      <c r="E134" s="100"/>
      <c r="F134" s="179"/>
      <c r="G134" s="182"/>
      <c r="H134" s="172" t="s">
        <v>101</v>
      </c>
      <c r="I134" s="118" t="s">
        <v>182</v>
      </c>
      <c r="J134" s="119" t="s">
        <v>153</v>
      </c>
      <c r="K134" s="119"/>
      <c r="L134" s="122" t="s">
        <v>182</v>
      </c>
      <c r="M134" s="119" t="s">
        <v>160</v>
      </c>
      <c r="N134" s="119"/>
      <c r="O134" s="122" t="s">
        <v>182</v>
      </c>
      <c r="P134" s="119" t="s">
        <v>161</v>
      </c>
      <c r="Q134" s="149"/>
      <c r="R134" s="122" t="s">
        <v>182</v>
      </c>
      <c r="S134" s="119" t="s">
        <v>170</v>
      </c>
      <c r="T134" s="149"/>
      <c r="U134" s="149"/>
      <c r="V134" s="149"/>
      <c r="W134" s="149"/>
      <c r="X134" s="150"/>
      <c r="Y134" s="116"/>
      <c r="Z134" s="190"/>
      <c r="AA134" s="190"/>
      <c r="AB134" s="110"/>
      <c r="AC134" s="116"/>
      <c r="AD134" s="190"/>
      <c r="AE134" s="190"/>
      <c r="AF134" s="110"/>
    </row>
    <row r="135" spans="1:33" ht="18.75" customHeight="1" x14ac:dyDescent="0.2">
      <c r="A135" s="137"/>
      <c r="B135" s="89"/>
      <c r="C135" s="138"/>
      <c r="D135" s="139"/>
      <c r="E135" s="140"/>
      <c r="F135" s="92"/>
      <c r="G135" s="141"/>
      <c r="H135" s="223" t="s">
        <v>201</v>
      </c>
      <c r="I135" s="208" t="s">
        <v>182</v>
      </c>
      <c r="J135" s="209" t="s">
        <v>153</v>
      </c>
      <c r="K135" s="209"/>
      <c r="L135" s="210" t="s">
        <v>182</v>
      </c>
      <c r="M135" s="209" t="s">
        <v>189</v>
      </c>
      <c r="N135" s="224"/>
      <c r="O135" s="210" t="s">
        <v>182</v>
      </c>
      <c r="P135" s="201" t="s">
        <v>190</v>
      </c>
      <c r="Q135" s="225"/>
      <c r="R135" s="210" t="s">
        <v>182</v>
      </c>
      <c r="S135" s="209" t="s">
        <v>191</v>
      </c>
      <c r="T135" s="225"/>
      <c r="U135" s="210" t="s">
        <v>182</v>
      </c>
      <c r="V135" s="209" t="s">
        <v>192</v>
      </c>
      <c r="W135" s="226"/>
      <c r="X135" s="227"/>
      <c r="Y135" s="142"/>
      <c r="Z135" s="142"/>
      <c r="AA135" s="142"/>
      <c r="AB135" s="143"/>
      <c r="AC135" s="144"/>
      <c r="AD135" s="142"/>
      <c r="AE135" s="142"/>
      <c r="AF135" s="143"/>
    </row>
    <row r="136" spans="1:33" ht="18.75" customHeight="1" x14ac:dyDescent="0.2">
      <c r="A136" s="41"/>
      <c r="B136" s="87"/>
      <c r="C136" s="162"/>
      <c r="D136" s="90"/>
      <c r="E136" s="97"/>
      <c r="F136" s="90"/>
      <c r="G136" s="97"/>
      <c r="H136" s="230" t="s">
        <v>89</v>
      </c>
      <c r="I136" s="156" t="s">
        <v>182</v>
      </c>
      <c r="J136" s="157" t="s">
        <v>175</v>
      </c>
      <c r="K136" s="158"/>
      <c r="L136" s="163"/>
      <c r="M136" s="159" t="s">
        <v>182</v>
      </c>
      <c r="N136" s="157" t="s">
        <v>176</v>
      </c>
      <c r="O136" s="160"/>
      <c r="P136" s="160"/>
      <c r="Q136" s="160"/>
      <c r="R136" s="160"/>
      <c r="S136" s="160"/>
      <c r="T136" s="160"/>
      <c r="U136" s="160"/>
      <c r="V136" s="160"/>
      <c r="W136" s="160"/>
      <c r="X136" s="161"/>
      <c r="Y136" s="145" t="s">
        <v>182</v>
      </c>
      <c r="Z136" s="22" t="s">
        <v>152</v>
      </c>
      <c r="AA136" s="22"/>
      <c r="AB136" s="103"/>
      <c r="AC136" s="145" t="s">
        <v>182</v>
      </c>
      <c r="AD136" s="22" t="s">
        <v>152</v>
      </c>
      <c r="AE136" s="22"/>
      <c r="AF136" s="103"/>
      <c r="AG136" s="219"/>
    </row>
    <row r="137" spans="1:33" ht="18.75" customHeight="1" x14ac:dyDescent="0.2">
      <c r="A137" s="104"/>
      <c r="B137" s="98"/>
      <c r="C137" s="166"/>
      <c r="D137" s="91"/>
      <c r="E137" s="100"/>
      <c r="F137" s="91"/>
      <c r="G137" s="100"/>
      <c r="H137" s="281" t="s">
        <v>87</v>
      </c>
      <c r="I137" s="148" t="s">
        <v>182</v>
      </c>
      <c r="J137" s="128" t="s">
        <v>153</v>
      </c>
      <c r="K137" s="128"/>
      <c r="L137" s="176"/>
      <c r="M137" s="151" t="s">
        <v>182</v>
      </c>
      <c r="N137" s="128" t="s">
        <v>168</v>
      </c>
      <c r="O137" s="128"/>
      <c r="P137" s="176"/>
      <c r="Q137" s="151" t="s">
        <v>182</v>
      </c>
      <c r="R137" s="131" t="s">
        <v>169</v>
      </c>
      <c r="S137" s="131"/>
      <c r="T137" s="131"/>
      <c r="U137" s="131"/>
      <c r="V137" s="131"/>
      <c r="W137" s="131"/>
      <c r="X137" s="152"/>
      <c r="Y137" s="99" t="s">
        <v>182</v>
      </c>
      <c r="Z137" s="191" t="s">
        <v>157</v>
      </c>
      <c r="AA137" s="190"/>
      <c r="AB137" s="110"/>
      <c r="AC137" s="99" t="s">
        <v>182</v>
      </c>
      <c r="AD137" s="191" t="s">
        <v>157</v>
      </c>
      <c r="AE137" s="190"/>
      <c r="AF137" s="110"/>
    </row>
    <row r="138" spans="1:33" ht="18.75" customHeight="1" x14ac:dyDescent="0.2">
      <c r="A138" s="104"/>
      <c r="B138" s="98"/>
      <c r="C138" s="166"/>
      <c r="D138" s="91"/>
      <c r="E138" s="100"/>
      <c r="F138" s="91"/>
      <c r="G138" s="100"/>
      <c r="H138" s="283"/>
      <c r="I138" s="112" t="s">
        <v>182</v>
      </c>
      <c r="J138" s="129" t="s">
        <v>259</v>
      </c>
      <c r="K138" s="129"/>
      <c r="L138" s="133"/>
      <c r="M138" s="133"/>
      <c r="N138" s="133"/>
      <c r="O138" s="133"/>
      <c r="P138" s="133"/>
      <c r="Q138" s="133"/>
      <c r="R138" s="133"/>
      <c r="S138" s="133"/>
      <c r="T138" s="133"/>
      <c r="U138" s="133"/>
      <c r="V138" s="133"/>
      <c r="W138" s="133"/>
      <c r="X138" s="134"/>
      <c r="Y138" s="116"/>
      <c r="Z138" s="190"/>
      <c r="AA138" s="190"/>
      <c r="AB138" s="110"/>
      <c r="AC138" s="116"/>
      <c r="AD138" s="190"/>
      <c r="AE138" s="190"/>
      <c r="AF138" s="110"/>
    </row>
    <row r="139" spans="1:33" ht="18.75" customHeight="1" x14ac:dyDescent="0.2">
      <c r="A139" s="104"/>
      <c r="B139" s="98"/>
      <c r="C139" s="166"/>
      <c r="D139" s="91"/>
      <c r="E139" s="100"/>
      <c r="F139" s="91"/>
      <c r="G139" s="100"/>
      <c r="H139" s="172" t="s">
        <v>90</v>
      </c>
      <c r="I139" s="118" t="s">
        <v>182</v>
      </c>
      <c r="J139" s="119" t="s">
        <v>162</v>
      </c>
      <c r="K139" s="120"/>
      <c r="L139" s="121"/>
      <c r="M139" s="122" t="s">
        <v>182</v>
      </c>
      <c r="N139" s="119" t="s">
        <v>163</v>
      </c>
      <c r="O139" s="123"/>
      <c r="P139" s="123"/>
      <c r="Q139" s="123"/>
      <c r="R139" s="123"/>
      <c r="S139" s="123"/>
      <c r="T139" s="123"/>
      <c r="U139" s="123"/>
      <c r="V139" s="123"/>
      <c r="W139" s="123"/>
      <c r="X139" s="124"/>
      <c r="Y139" s="116"/>
      <c r="Z139" s="190"/>
      <c r="AA139" s="190"/>
      <c r="AB139" s="110"/>
      <c r="AC139" s="116"/>
      <c r="AD139" s="190"/>
      <c r="AE139" s="190"/>
      <c r="AF139" s="110"/>
    </row>
    <row r="140" spans="1:33" ht="18.75" customHeight="1" x14ac:dyDescent="0.2">
      <c r="A140" s="104"/>
      <c r="B140" s="98"/>
      <c r="C140" s="166"/>
      <c r="D140" s="91"/>
      <c r="E140" s="100"/>
      <c r="F140" s="91"/>
      <c r="G140" s="100"/>
      <c r="H140" s="147" t="s">
        <v>123</v>
      </c>
      <c r="I140" s="118" t="s">
        <v>182</v>
      </c>
      <c r="J140" s="119" t="s">
        <v>183</v>
      </c>
      <c r="K140" s="120"/>
      <c r="L140" s="121"/>
      <c r="M140" s="122" t="s">
        <v>182</v>
      </c>
      <c r="N140" s="119" t="s">
        <v>184</v>
      </c>
      <c r="O140" s="123"/>
      <c r="P140" s="123"/>
      <c r="Q140" s="120"/>
      <c r="R140" s="120"/>
      <c r="S140" s="120"/>
      <c r="T140" s="120"/>
      <c r="U140" s="120"/>
      <c r="V140" s="120"/>
      <c r="W140" s="120"/>
      <c r="X140" s="127"/>
      <c r="Y140" s="116"/>
      <c r="Z140" s="190"/>
      <c r="AA140" s="190"/>
      <c r="AB140" s="110"/>
      <c r="AC140" s="116"/>
      <c r="AD140" s="190"/>
      <c r="AE140" s="190"/>
      <c r="AF140" s="110"/>
    </row>
    <row r="141" spans="1:33" ht="18.75" customHeight="1" x14ac:dyDescent="0.2">
      <c r="A141" s="104"/>
      <c r="B141" s="98"/>
      <c r="C141" s="166"/>
      <c r="D141" s="91"/>
      <c r="E141" s="100"/>
      <c r="F141" s="91"/>
      <c r="G141" s="100"/>
      <c r="H141" s="171" t="s">
        <v>131</v>
      </c>
      <c r="I141" s="118" t="s">
        <v>182</v>
      </c>
      <c r="J141" s="119" t="s">
        <v>183</v>
      </c>
      <c r="K141" s="120"/>
      <c r="L141" s="121"/>
      <c r="M141" s="122" t="s">
        <v>182</v>
      </c>
      <c r="N141" s="119" t="s">
        <v>184</v>
      </c>
      <c r="O141" s="123"/>
      <c r="P141" s="123"/>
      <c r="Q141" s="120"/>
      <c r="R141" s="120"/>
      <c r="S141" s="120"/>
      <c r="T141" s="120"/>
      <c r="U141" s="120"/>
      <c r="V141" s="120"/>
      <c r="W141" s="120"/>
      <c r="X141" s="127"/>
      <c r="Y141" s="116"/>
      <c r="Z141" s="190"/>
      <c r="AA141" s="190"/>
      <c r="AB141" s="110"/>
      <c r="AC141" s="116"/>
      <c r="AD141" s="190"/>
      <c r="AE141" s="190"/>
      <c r="AF141" s="110"/>
    </row>
    <row r="142" spans="1:33" ht="19.5" customHeight="1" x14ac:dyDescent="0.2">
      <c r="A142" s="104"/>
      <c r="B142" s="98"/>
      <c r="C142" s="105"/>
      <c r="D142" s="106"/>
      <c r="E142" s="100"/>
      <c r="F142" s="91"/>
      <c r="G142" s="107"/>
      <c r="H142" s="117" t="s">
        <v>186</v>
      </c>
      <c r="I142" s="118" t="s">
        <v>182</v>
      </c>
      <c r="J142" s="119" t="s">
        <v>183</v>
      </c>
      <c r="K142" s="120"/>
      <c r="L142" s="121"/>
      <c r="M142" s="122" t="s">
        <v>182</v>
      </c>
      <c r="N142" s="119" t="s">
        <v>187</v>
      </c>
      <c r="O142" s="122"/>
      <c r="P142" s="119"/>
      <c r="Q142" s="123"/>
      <c r="R142" s="123"/>
      <c r="S142" s="123"/>
      <c r="T142" s="123"/>
      <c r="U142" s="123"/>
      <c r="V142" s="123"/>
      <c r="W142" s="123"/>
      <c r="X142" s="124"/>
      <c r="Y142" s="190"/>
      <c r="Z142" s="190"/>
      <c r="AA142" s="190"/>
      <c r="AB142" s="110"/>
      <c r="AC142" s="116"/>
      <c r="AD142" s="190"/>
      <c r="AE142" s="190"/>
      <c r="AF142" s="110"/>
    </row>
    <row r="143" spans="1:33" ht="19.5" customHeight="1" x14ac:dyDescent="0.2">
      <c r="A143" s="104"/>
      <c r="B143" s="98"/>
      <c r="C143" s="105"/>
      <c r="D143" s="106"/>
      <c r="E143" s="100"/>
      <c r="F143" s="91"/>
      <c r="G143" s="107"/>
      <c r="H143" s="117" t="s">
        <v>197</v>
      </c>
      <c r="I143" s="118" t="s">
        <v>182</v>
      </c>
      <c r="J143" s="119" t="s">
        <v>183</v>
      </c>
      <c r="K143" s="120"/>
      <c r="L143" s="121"/>
      <c r="M143" s="122" t="s">
        <v>182</v>
      </c>
      <c r="N143" s="119" t="s">
        <v>187</v>
      </c>
      <c r="O143" s="122"/>
      <c r="P143" s="119"/>
      <c r="Q143" s="123"/>
      <c r="R143" s="123"/>
      <c r="S143" s="123"/>
      <c r="T143" s="123"/>
      <c r="U143" s="123"/>
      <c r="V143" s="123"/>
      <c r="W143" s="123"/>
      <c r="X143" s="124"/>
      <c r="Y143" s="190"/>
      <c r="Z143" s="190"/>
      <c r="AA143" s="190"/>
      <c r="AB143" s="110"/>
      <c r="AC143" s="116"/>
      <c r="AD143" s="190"/>
      <c r="AE143" s="190"/>
      <c r="AF143" s="110"/>
    </row>
    <row r="144" spans="1:33" ht="18.75" customHeight="1" x14ac:dyDescent="0.2">
      <c r="A144" s="104"/>
      <c r="B144" s="98"/>
      <c r="C144" s="166"/>
      <c r="D144" s="91"/>
      <c r="E144" s="100"/>
      <c r="F144" s="91"/>
      <c r="G144" s="100"/>
      <c r="H144" s="275" t="s">
        <v>132</v>
      </c>
      <c r="I144" s="277" t="s">
        <v>182</v>
      </c>
      <c r="J144" s="279" t="s">
        <v>153</v>
      </c>
      <c r="K144" s="279"/>
      <c r="L144" s="277" t="s">
        <v>182</v>
      </c>
      <c r="M144" s="279" t="s">
        <v>164</v>
      </c>
      <c r="N144" s="279"/>
      <c r="O144" s="128"/>
      <c r="P144" s="128"/>
      <c r="Q144" s="128"/>
      <c r="R144" s="128"/>
      <c r="S144" s="128"/>
      <c r="T144" s="128"/>
      <c r="U144" s="128"/>
      <c r="V144" s="128"/>
      <c r="W144" s="128"/>
      <c r="X144" s="132"/>
      <c r="Y144" s="116"/>
      <c r="Z144" s="190"/>
      <c r="AA144" s="190"/>
      <c r="AB144" s="110"/>
      <c r="AC144" s="116"/>
      <c r="AD144" s="190"/>
      <c r="AE144" s="190"/>
      <c r="AF144" s="110"/>
    </row>
    <row r="145" spans="1:32" ht="18.75" customHeight="1" x14ac:dyDescent="0.2">
      <c r="A145" s="104"/>
      <c r="B145" s="98"/>
      <c r="C145" s="166"/>
      <c r="D145" s="91"/>
      <c r="E145" s="100"/>
      <c r="F145" s="91"/>
      <c r="G145" s="100"/>
      <c r="H145" s="276"/>
      <c r="I145" s="278"/>
      <c r="J145" s="280"/>
      <c r="K145" s="280"/>
      <c r="L145" s="278"/>
      <c r="M145" s="280"/>
      <c r="N145" s="280"/>
      <c r="O145" s="129"/>
      <c r="P145" s="129"/>
      <c r="Q145" s="129"/>
      <c r="R145" s="129"/>
      <c r="S145" s="129"/>
      <c r="T145" s="129"/>
      <c r="U145" s="129"/>
      <c r="V145" s="129"/>
      <c r="W145" s="129"/>
      <c r="X145" s="130"/>
      <c r="Y145" s="116"/>
      <c r="Z145" s="190"/>
      <c r="AA145" s="190"/>
      <c r="AB145" s="110"/>
      <c r="AC145" s="116"/>
      <c r="AD145" s="190"/>
      <c r="AE145" s="190"/>
      <c r="AF145" s="110"/>
    </row>
    <row r="146" spans="1:32" ht="18.75" customHeight="1" x14ac:dyDescent="0.2">
      <c r="A146" s="104"/>
      <c r="B146" s="98"/>
      <c r="C146" s="166"/>
      <c r="D146" s="91"/>
      <c r="E146" s="100"/>
      <c r="F146" s="91"/>
      <c r="G146" s="100"/>
      <c r="H146" s="172" t="s">
        <v>99</v>
      </c>
      <c r="I146" s="118" t="s">
        <v>182</v>
      </c>
      <c r="J146" s="119" t="s">
        <v>153</v>
      </c>
      <c r="K146" s="120"/>
      <c r="L146" s="122" t="s">
        <v>182</v>
      </c>
      <c r="M146" s="119" t="s">
        <v>164</v>
      </c>
      <c r="N146" s="149"/>
      <c r="O146" s="149"/>
      <c r="P146" s="149"/>
      <c r="Q146" s="149"/>
      <c r="R146" s="149"/>
      <c r="S146" s="149"/>
      <c r="T146" s="149"/>
      <c r="U146" s="149"/>
      <c r="V146" s="149"/>
      <c r="W146" s="149"/>
      <c r="X146" s="150"/>
      <c r="Y146" s="116"/>
      <c r="Z146" s="190"/>
      <c r="AA146" s="190"/>
      <c r="AB146" s="110"/>
      <c r="AC146" s="116"/>
      <c r="AD146" s="190"/>
      <c r="AE146" s="190"/>
      <c r="AF146" s="110"/>
    </row>
    <row r="147" spans="1:32" ht="18.75" customHeight="1" x14ac:dyDescent="0.2">
      <c r="A147" s="104"/>
      <c r="B147" s="98"/>
      <c r="C147" s="166"/>
      <c r="D147" s="91"/>
      <c r="E147" s="100"/>
      <c r="F147" s="91"/>
      <c r="G147" s="100"/>
      <c r="H147" s="275" t="s">
        <v>143</v>
      </c>
      <c r="I147" s="277" t="s">
        <v>182</v>
      </c>
      <c r="J147" s="279" t="s">
        <v>153</v>
      </c>
      <c r="K147" s="279"/>
      <c r="L147" s="277" t="s">
        <v>182</v>
      </c>
      <c r="M147" s="279" t="s">
        <v>164</v>
      </c>
      <c r="N147" s="279"/>
      <c r="O147" s="128"/>
      <c r="P147" s="128"/>
      <c r="Q147" s="128"/>
      <c r="R147" s="128"/>
      <c r="S147" s="128"/>
      <c r="T147" s="128"/>
      <c r="U147" s="128"/>
      <c r="V147" s="128"/>
      <c r="W147" s="128"/>
      <c r="X147" s="132"/>
      <c r="Y147" s="116"/>
      <c r="Z147" s="190"/>
      <c r="AA147" s="190"/>
      <c r="AB147" s="110"/>
      <c r="AC147" s="116"/>
      <c r="AD147" s="190"/>
      <c r="AE147" s="190"/>
      <c r="AF147" s="110"/>
    </row>
    <row r="148" spans="1:32" ht="18.75" customHeight="1" x14ac:dyDescent="0.2">
      <c r="A148" s="104"/>
      <c r="B148" s="98"/>
      <c r="C148" s="166"/>
      <c r="D148" s="91"/>
      <c r="E148" s="100"/>
      <c r="F148" s="91"/>
      <c r="G148" s="100"/>
      <c r="H148" s="276"/>
      <c r="I148" s="278"/>
      <c r="J148" s="280"/>
      <c r="K148" s="280"/>
      <c r="L148" s="278"/>
      <c r="M148" s="280"/>
      <c r="N148" s="280"/>
      <c r="O148" s="129"/>
      <c r="P148" s="129"/>
      <c r="Q148" s="129"/>
      <c r="R148" s="129"/>
      <c r="S148" s="129"/>
      <c r="T148" s="129"/>
      <c r="U148" s="129"/>
      <c r="V148" s="129"/>
      <c r="W148" s="129"/>
      <c r="X148" s="130"/>
      <c r="Y148" s="116"/>
      <c r="Z148" s="190"/>
      <c r="AA148" s="190"/>
      <c r="AB148" s="110"/>
      <c r="AC148" s="116"/>
      <c r="AD148" s="190"/>
      <c r="AE148" s="190"/>
      <c r="AF148" s="110"/>
    </row>
    <row r="149" spans="1:32" ht="18.75" customHeight="1" x14ac:dyDescent="0.2">
      <c r="A149" s="104"/>
      <c r="B149" s="98"/>
      <c r="C149" s="166"/>
      <c r="D149" s="91"/>
      <c r="E149" s="100"/>
      <c r="F149" s="91"/>
      <c r="G149" s="100"/>
      <c r="H149" s="172" t="s">
        <v>119</v>
      </c>
      <c r="I149" s="118" t="s">
        <v>182</v>
      </c>
      <c r="J149" s="119" t="s">
        <v>153</v>
      </c>
      <c r="K149" s="120"/>
      <c r="L149" s="122" t="s">
        <v>182</v>
      </c>
      <c r="M149" s="119" t="s">
        <v>164</v>
      </c>
      <c r="N149" s="149"/>
      <c r="O149" s="149"/>
      <c r="P149" s="149"/>
      <c r="Q149" s="149"/>
      <c r="R149" s="149"/>
      <c r="S149" s="149"/>
      <c r="T149" s="149"/>
      <c r="U149" s="149"/>
      <c r="V149" s="149"/>
      <c r="W149" s="149"/>
      <c r="X149" s="150"/>
      <c r="Y149" s="116"/>
      <c r="Z149" s="190"/>
      <c r="AA149" s="190"/>
      <c r="AB149" s="110"/>
      <c r="AC149" s="116"/>
      <c r="AD149" s="190"/>
      <c r="AE149" s="190"/>
      <c r="AF149" s="110"/>
    </row>
    <row r="150" spans="1:32" ht="18.75" customHeight="1" x14ac:dyDescent="0.2">
      <c r="A150" s="104"/>
      <c r="B150" s="98"/>
      <c r="C150" s="166"/>
      <c r="D150" s="91"/>
      <c r="E150" s="100"/>
      <c r="F150" s="91"/>
      <c r="G150" s="100"/>
      <c r="H150" s="172" t="s">
        <v>120</v>
      </c>
      <c r="I150" s="118" t="s">
        <v>182</v>
      </c>
      <c r="J150" s="119" t="s">
        <v>153</v>
      </c>
      <c r="K150" s="120"/>
      <c r="L150" s="122" t="s">
        <v>182</v>
      </c>
      <c r="M150" s="119" t="s">
        <v>164</v>
      </c>
      <c r="N150" s="149"/>
      <c r="O150" s="149"/>
      <c r="P150" s="149"/>
      <c r="Q150" s="149"/>
      <c r="R150" s="149"/>
      <c r="S150" s="149"/>
      <c r="T150" s="149"/>
      <c r="U150" s="149"/>
      <c r="V150" s="149"/>
      <c r="W150" s="149"/>
      <c r="X150" s="150"/>
      <c r="Y150" s="116"/>
      <c r="Z150" s="190"/>
      <c r="AA150" s="190"/>
      <c r="AB150" s="110"/>
      <c r="AC150" s="116"/>
      <c r="AD150" s="190"/>
      <c r="AE150" s="190"/>
      <c r="AF150" s="110"/>
    </row>
    <row r="151" spans="1:32" ht="18.75" customHeight="1" x14ac:dyDescent="0.2">
      <c r="A151" s="104"/>
      <c r="B151" s="98"/>
      <c r="C151" s="166"/>
      <c r="D151" s="91"/>
      <c r="E151" s="100"/>
      <c r="F151" s="91"/>
      <c r="G151" s="100"/>
      <c r="H151" s="172" t="s">
        <v>97</v>
      </c>
      <c r="I151" s="148" t="s">
        <v>182</v>
      </c>
      <c r="J151" s="119" t="s">
        <v>153</v>
      </c>
      <c r="K151" s="119"/>
      <c r="L151" s="122" t="s">
        <v>182</v>
      </c>
      <c r="M151" s="119" t="s">
        <v>177</v>
      </c>
      <c r="N151" s="119"/>
      <c r="O151" s="120"/>
      <c r="P151" s="120"/>
      <c r="Q151" s="122" t="s">
        <v>182</v>
      </c>
      <c r="R151" s="119" t="s">
        <v>185</v>
      </c>
      <c r="S151" s="119"/>
      <c r="T151" s="120"/>
      <c r="U151" s="120"/>
      <c r="V151" s="120"/>
      <c r="W151" s="120"/>
      <c r="X151" s="127"/>
      <c r="Y151" s="116"/>
      <c r="Z151" s="190"/>
      <c r="AA151" s="190"/>
      <c r="AB151" s="110"/>
      <c r="AC151" s="116"/>
      <c r="AD151" s="190"/>
      <c r="AE151" s="190"/>
      <c r="AF151" s="110"/>
    </row>
    <row r="152" spans="1:32" ht="18.75" customHeight="1" x14ac:dyDescent="0.2">
      <c r="A152" s="104"/>
      <c r="B152" s="98"/>
      <c r="C152" s="166"/>
      <c r="D152" s="91"/>
      <c r="E152" s="100"/>
      <c r="F152" s="91"/>
      <c r="G152" s="100"/>
      <c r="H152" s="275" t="s">
        <v>140</v>
      </c>
      <c r="I152" s="277" t="s">
        <v>182</v>
      </c>
      <c r="J152" s="279" t="s">
        <v>153</v>
      </c>
      <c r="K152" s="279"/>
      <c r="L152" s="277" t="s">
        <v>182</v>
      </c>
      <c r="M152" s="279" t="s">
        <v>164</v>
      </c>
      <c r="N152" s="279"/>
      <c r="O152" s="128"/>
      <c r="P152" s="128"/>
      <c r="Q152" s="128"/>
      <c r="R152" s="128"/>
      <c r="S152" s="128"/>
      <c r="T152" s="128"/>
      <c r="U152" s="128"/>
      <c r="V152" s="128"/>
      <c r="W152" s="128"/>
      <c r="X152" s="132"/>
      <c r="Y152" s="116"/>
      <c r="Z152" s="190"/>
      <c r="AA152" s="190"/>
      <c r="AB152" s="110"/>
      <c r="AC152" s="116"/>
      <c r="AD152" s="190"/>
      <c r="AE152" s="190"/>
      <c r="AF152" s="110"/>
    </row>
    <row r="153" spans="1:32" ht="18.75" customHeight="1" x14ac:dyDescent="0.2">
      <c r="A153" s="104"/>
      <c r="B153" s="98"/>
      <c r="C153" s="166"/>
      <c r="D153" s="91"/>
      <c r="E153" s="100"/>
      <c r="F153" s="91"/>
      <c r="G153" s="100"/>
      <c r="H153" s="276"/>
      <c r="I153" s="278"/>
      <c r="J153" s="280"/>
      <c r="K153" s="280"/>
      <c r="L153" s="278"/>
      <c r="M153" s="280"/>
      <c r="N153" s="280"/>
      <c r="O153" s="129"/>
      <c r="P153" s="129"/>
      <c r="Q153" s="129"/>
      <c r="R153" s="129"/>
      <c r="S153" s="129"/>
      <c r="T153" s="129"/>
      <c r="U153" s="129"/>
      <c r="V153" s="129"/>
      <c r="W153" s="129"/>
      <c r="X153" s="130"/>
      <c r="Y153" s="116"/>
      <c r="Z153" s="190"/>
      <c r="AA153" s="190"/>
      <c r="AB153" s="110"/>
      <c r="AC153" s="116"/>
      <c r="AD153" s="190"/>
      <c r="AE153" s="190"/>
      <c r="AF153" s="110"/>
    </row>
    <row r="154" spans="1:32" ht="18.75" customHeight="1" x14ac:dyDescent="0.2">
      <c r="A154" s="104"/>
      <c r="B154" s="98"/>
      <c r="C154" s="166"/>
      <c r="D154" s="99" t="s">
        <v>182</v>
      </c>
      <c r="E154" s="100" t="s">
        <v>260</v>
      </c>
      <c r="F154" s="91"/>
      <c r="G154" s="100"/>
      <c r="H154" s="172" t="s">
        <v>91</v>
      </c>
      <c r="I154" s="118" t="s">
        <v>182</v>
      </c>
      <c r="J154" s="119" t="s">
        <v>162</v>
      </c>
      <c r="K154" s="120"/>
      <c r="L154" s="121"/>
      <c r="M154" s="122" t="s">
        <v>182</v>
      </c>
      <c r="N154" s="119" t="s">
        <v>163</v>
      </c>
      <c r="O154" s="123"/>
      <c r="P154" s="123"/>
      <c r="Q154" s="123"/>
      <c r="R154" s="123"/>
      <c r="S154" s="123"/>
      <c r="T154" s="123"/>
      <c r="U154" s="123"/>
      <c r="V154" s="123"/>
      <c r="W154" s="123"/>
      <c r="X154" s="124"/>
      <c r="Y154" s="116"/>
      <c r="Z154" s="190"/>
      <c r="AA154" s="190"/>
      <c r="AB154" s="110"/>
      <c r="AC154" s="116"/>
      <c r="AD154" s="190"/>
      <c r="AE154" s="190"/>
      <c r="AF154" s="110"/>
    </row>
    <row r="155" spans="1:32" ht="18.75" customHeight="1" x14ac:dyDescent="0.2">
      <c r="A155" s="104"/>
      <c r="B155" s="98"/>
      <c r="C155" s="166" t="s">
        <v>261</v>
      </c>
      <c r="D155" s="99" t="s">
        <v>182</v>
      </c>
      <c r="E155" s="100" t="s">
        <v>262</v>
      </c>
      <c r="F155" s="99" t="s">
        <v>182</v>
      </c>
      <c r="G155" s="100" t="s">
        <v>263</v>
      </c>
      <c r="H155" s="125" t="s">
        <v>122</v>
      </c>
      <c r="I155" s="118" t="s">
        <v>182</v>
      </c>
      <c r="J155" s="119" t="s">
        <v>153</v>
      </c>
      <c r="K155" s="119"/>
      <c r="L155" s="122" t="s">
        <v>182</v>
      </c>
      <c r="M155" s="119" t="s">
        <v>165</v>
      </c>
      <c r="N155" s="119"/>
      <c r="O155" s="122" t="s">
        <v>182</v>
      </c>
      <c r="P155" s="119" t="s">
        <v>166</v>
      </c>
      <c r="Q155" s="149"/>
      <c r="R155" s="149"/>
      <c r="S155" s="149"/>
      <c r="T155" s="149"/>
      <c r="U155" s="149"/>
      <c r="V155" s="149"/>
      <c r="W155" s="149"/>
      <c r="X155" s="150"/>
      <c r="Y155" s="116"/>
      <c r="Z155" s="190"/>
      <c r="AA155" s="190"/>
      <c r="AB155" s="110"/>
      <c r="AC155" s="116"/>
      <c r="AD155" s="190"/>
      <c r="AE155" s="190"/>
      <c r="AF155" s="110"/>
    </row>
    <row r="156" spans="1:32" ht="18.75" customHeight="1" x14ac:dyDescent="0.2">
      <c r="A156" s="99" t="s">
        <v>182</v>
      </c>
      <c r="B156" s="98">
        <v>54</v>
      </c>
      <c r="C156" s="166" t="s">
        <v>264</v>
      </c>
      <c r="D156" s="91"/>
      <c r="E156" s="100" t="s">
        <v>265</v>
      </c>
      <c r="F156" s="99" t="s">
        <v>182</v>
      </c>
      <c r="G156" s="100" t="s">
        <v>266</v>
      </c>
      <c r="H156" s="125" t="s">
        <v>141</v>
      </c>
      <c r="I156" s="118" t="s">
        <v>182</v>
      </c>
      <c r="J156" s="119" t="s">
        <v>153</v>
      </c>
      <c r="K156" s="120"/>
      <c r="L156" s="122" t="s">
        <v>182</v>
      </c>
      <c r="M156" s="119" t="s">
        <v>165</v>
      </c>
      <c r="N156" s="149"/>
      <c r="O156" s="122" t="s">
        <v>182</v>
      </c>
      <c r="P156" s="119" t="s">
        <v>167</v>
      </c>
      <c r="Q156" s="149"/>
      <c r="R156" s="122" t="s">
        <v>182</v>
      </c>
      <c r="S156" s="119" t="s">
        <v>198</v>
      </c>
      <c r="T156" s="149"/>
      <c r="U156" s="122"/>
      <c r="V156" s="119"/>
      <c r="W156" s="149"/>
      <c r="X156" s="122"/>
      <c r="Y156" s="116"/>
      <c r="Z156" s="190"/>
      <c r="AA156" s="190"/>
      <c r="AB156" s="110"/>
      <c r="AC156" s="116"/>
      <c r="AD156" s="190"/>
      <c r="AE156" s="190"/>
      <c r="AF156" s="110"/>
    </row>
    <row r="157" spans="1:32" ht="18.75" customHeight="1" x14ac:dyDescent="0.2">
      <c r="A157" s="104"/>
      <c r="B157" s="98"/>
      <c r="C157" s="166" t="s">
        <v>267</v>
      </c>
      <c r="D157" s="99" t="s">
        <v>182</v>
      </c>
      <c r="E157" s="100" t="s">
        <v>268</v>
      </c>
      <c r="F157" s="99"/>
      <c r="G157" s="100"/>
      <c r="H157" s="171" t="s">
        <v>234</v>
      </c>
      <c r="I157" s="118" t="s">
        <v>182</v>
      </c>
      <c r="J157" s="119" t="s">
        <v>153</v>
      </c>
      <c r="K157" s="120"/>
      <c r="L157" s="122" t="s">
        <v>182</v>
      </c>
      <c r="M157" s="119" t="s">
        <v>164</v>
      </c>
      <c r="N157" s="149"/>
      <c r="O157" s="149"/>
      <c r="P157" s="149"/>
      <c r="Q157" s="149"/>
      <c r="R157" s="149"/>
      <c r="S157" s="149"/>
      <c r="T157" s="149"/>
      <c r="U157" s="149"/>
      <c r="V157" s="149"/>
      <c r="W157" s="149"/>
      <c r="X157" s="150"/>
      <c r="Y157" s="116"/>
      <c r="Z157" s="190"/>
      <c r="AA157" s="190"/>
      <c r="AB157" s="110"/>
      <c r="AC157" s="116"/>
      <c r="AD157" s="190"/>
      <c r="AE157" s="190"/>
      <c r="AF157" s="110"/>
    </row>
    <row r="158" spans="1:32" ht="18.75" customHeight="1" x14ac:dyDescent="0.2">
      <c r="A158" s="104"/>
      <c r="B158" s="98"/>
      <c r="C158" s="166"/>
      <c r="D158" s="99" t="s">
        <v>182</v>
      </c>
      <c r="E158" s="100" t="s">
        <v>269</v>
      </c>
      <c r="F158" s="91"/>
      <c r="G158" s="100"/>
      <c r="H158" s="172" t="s">
        <v>103</v>
      </c>
      <c r="I158" s="118" t="s">
        <v>182</v>
      </c>
      <c r="J158" s="119" t="s">
        <v>153</v>
      </c>
      <c r="K158" s="120"/>
      <c r="L158" s="122" t="s">
        <v>182</v>
      </c>
      <c r="M158" s="119" t="s">
        <v>164</v>
      </c>
      <c r="N158" s="149"/>
      <c r="O158" s="149"/>
      <c r="P158" s="149"/>
      <c r="Q158" s="149"/>
      <c r="R158" s="149"/>
      <c r="S158" s="149"/>
      <c r="T158" s="149"/>
      <c r="U158" s="149"/>
      <c r="V158" s="149"/>
      <c r="W158" s="149"/>
      <c r="X158" s="150"/>
      <c r="Y158" s="116"/>
      <c r="Z158" s="190"/>
      <c r="AA158" s="190"/>
      <c r="AB158" s="110"/>
      <c r="AC158" s="116"/>
      <c r="AD158" s="190"/>
      <c r="AE158" s="190"/>
      <c r="AF158" s="110"/>
    </row>
    <row r="159" spans="1:32" ht="18.75" customHeight="1" x14ac:dyDescent="0.2">
      <c r="A159" s="104"/>
      <c r="B159" s="98"/>
      <c r="C159" s="166"/>
      <c r="D159" s="91"/>
      <c r="E159" s="100" t="s">
        <v>270</v>
      </c>
      <c r="F159" s="91"/>
      <c r="G159" s="100"/>
      <c r="H159" s="172" t="s">
        <v>92</v>
      </c>
      <c r="I159" s="118" t="s">
        <v>182</v>
      </c>
      <c r="J159" s="119" t="s">
        <v>153</v>
      </c>
      <c r="K159" s="120"/>
      <c r="L159" s="122" t="s">
        <v>182</v>
      </c>
      <c r="M159" s="119" t="s">
        <v>164</v>
      </c>
      <c r="N159" s="149"/>
      <c r="O159" s="149"/>
      <c r="P159" s="149"/>
      <c r="Q159" s="149"/>
      <c r="R159" s="149"/>
      <c r="S159" s="149"/>
      <c r="T159" s="149"/>
      <c r="U159" s="149"/>
      <c r="V159" s="149"/>
      <c r="W159" s="149"/>
      <c r="X159" s="150"/>
      <c r="Y159" s="116"/>
      <c r="Z159" s="190"/>
      <c r="AA159" s="190"/>
      <c r="AB159" s="110"/>
      <c r="AC159" s="116"/>
      <c r="AD159" s="190"/>
      <c r="AE159" s="190"/>
      <c r="AF159" s="110"/>
    </row>
    <row r="160" spans="1:32" ht="18.75" customHeight="1" x14ac:dyDescent="0.2">
      <c r="A160" s="104"/>
      <c r="B160" s="98"/>
      <c r="C160" s="166"/>
      <c r="D160" s="91"/>
      <c r="E160" s="100"/>
      <c r="F160" s="91"/>
      <c r="G160" s="100"/>
      <c r="H160" s="172" t="s">
        <v>93</v>
      </c>
      <c r="I160" s="118" t="s">
        <v>182</v>
      </c>
      <c r="J160" s="119" t="s">
        <v>153</v>
      </c>
      <c r="K160" s="120"/>
      <c r="L160" s="122" t="s">
        <v>182</v>
      </c>
      <c r="M160" s="119" t="s">
        <v>164</v>
      </c>
      <c r="N160" s="149"/>
      <c r="O160" s="149"/>
      <c r="P160" s="149"/>
      <c r="Q160" s="149"/>
      <c r="R160" s="149"/>
      <c r="S160" s="149"/>
      <c r="T160" s="149"/>
      <c r="U160" s="149"/>
      <c r="V160" s="149"/>
      <c r="W160" s="149"/>
      <c r="X160" s="150"/>
      <c r="Y160" s="116"/>
      <c r="Z160" s="190"/>
      <c r="AA160" s="190"/>
      <c r="AB160" s="110"/>
      <c r="AC160" s="116"/>
      <c r="AD160" s="190"/>
      <c r="AE160" s="190"/>
      <c r="AF160" s="110"/>
    </row>
    <row r="161" spans="1:32" ht="18.75" customHeight="1" x14ac:dyDescent="0.2">
      <c r="A161" s="104"/>
      <c r="B161" s="98"/>
      <c r="C161" s="166"/>
      <c r="D161" s="91"/>
      <c r="E161" s="100"/>
      <c r="F161" s="91"/>
      <c r="G161" s="100"/>
      <c r="H161" s="172" t="s">
        <v>271</v>
      </c>
      <c r="I161" s="148" t="s">
        <v>182</v>
      </c>
      <c r="J161" s="119" t="s">
        <v>153</v>
      </c>
      <c r="K161" s="119"/>
      <c r="L161" s="122" t="s">
        <v>182</v>
      </c>
      <c r="M161" s="119" t="s">
        <v>154</v>
      </c>
      <c r="N161" s="119"/>
      <c r="O161" s="151" t="s">
        <v>182</v>
      </c>
      <c r="P161" s="119" t="s">
        <v>155</v>
      </c>
      <c r="Q161" s="149"/>
      <c r="R161" s="149"/>
      <c r="S161" s="149"/>
      <c r="T161" s="149"/>
      <c r="U161" s="149"/>
      <c r="V161" s="149"/>
      <c r="W161" s="149"/>
      <c r="X161" s="150"/>
      <c r="Y161" s="116"/>
      <c r="Z161" s="190"/>
      <c r="AA161" s="190"/>
      <c r="AB161" s="110"/>
      <c r="AC161" s="116"/>
      <c r="AD161" s="190"/>
      <c r="AE161" s="190"/>
      <c r="AF161" s="110"/>
    </row>
    <row r="162" spans="1:32" ht="18.75" customHeight="1" x14ac:dyDescent="0.2">
      <c r="A162" s="104"/>
      <c r="B162" s="98"/>
      <c r="C162" s="166"/>
      <c r="D162" s="91"/>
      <c r="E162" s="100"/>
      <c r="F162" s="91"/>
      <c r="G162" s="100"/>
      <c r="H162" s="171" t="s">
        <v>130</v>
      </c>
      <c r="I162" s="118" t="s">
        <v>182</v>
      </c>
      <c r="J162" s="119" t="s">
        <v>153</v>
      </c>
      <c r="K162" s="120"/>
      <c r="L162" s="122" t="s">
        <v>182</v>
      </c>
      <c r="M162" s="119" t="s">
        <v>164</v>
      </c>
      <c r="N162" s="149"/>
      <c r="O162" s="149"/>
      <c r="P162" s="149"/>
      <c r="Q162" s="149"/>
      <c r="R162" s="149"/>
      <c r="S162" s="149"/>
      <c r="T162" s="149"/>
      <c r="U162" s="149"/>
      <c r="V162" s="149"/>
      <c r="W162" s="149"/>
      <c r="X162" s="150"/>
      <c r="Y162" s="116"/>
      <c r="Z162" s="190"/>
      <c r="AA162" s="190"/>
      <c r="AB162" s="110"/>
      <c r="AC162" s="116"/>
      <c r="AD162" s="190"/>
      <c r="AE162" s="190"/>
      <c r="AF162" s="110"/>
    </row>
    <row r="163" spans="1:32" ht="18.75" customHeight="1" x14ac:dyDescent="0.2">
      <c r="A163" s="104"/>
      <c r="B163" s="98"/>
      <c r="C163" s="166"/>
      <c r="D163" s="91"/>
      <c r="E163" s="100"/>
      <c r="F163" s="91"/>
      <c r="G163" s="100"/>
      <c r="H163" s="172" t="s">
        <v>98</v>
      </c>
      <c r="I163" s="118" t="s">
        <v>182</v>
      </c>
      <c r="J163" s="119" t="s">
        <v>153</v>
      </c>
      <c r="K163" s="120"/>
      <c r="L163" s="122" t="s">
        <v>182</v>
      </c>
      <c r="M163" s="119" t="s">
        <v>164</v>
      </c>
      <c r="N163" s="149"/>
      <c r="O163" s="149"/>
      <c r="P163" s="149"/>
      <c r="Q163" s="149"/>
      <c r="R163" s="149"/>
      <c r="S163" s="149"/>
      <c r="T163" s="149"/>
      <c r="U163" s="149"/>
      <c r="V163" s="149"/>
      <c r="W163" s="149"/>
      <c r="X163" s="150"/>
      <c r="Y163" s="116"/>
      <c r="Z163" s="190"/>
      <c r="AA163" s="190"/>
      <c r="AB163" s="110"/>
      <c r="AC163" s="116"/>
      <c r="AD163" s="190"/>
      <c r="AE163" s="190"/>
      <c r="AF163" s="110"/>
    </row>
    <row r="164" spans="1:32" ht="18.75" customHeight="1" x14ac:dyDescent="0.2">
      <c r="A164" s="104"/>
      <c r="B164" s="98"/>
      <c r="C164" s="166"/>
      <c r="D164" s="91"/>
      <c r="E164" s="100"/>
      <c r="F164" s="91"/>
      <c r="G164" s="100"/>
      <c r="H164" s="172" t="s">
        <v>118</v>
      </c>
      <c r="I164" s="118" t="s">
        <v>182</v>
      </c>
      <c r="J164" s="119" t="s">
        <v>153</v>
      </c>
      <c r="K164" s="120"/>
      <c r="L164" s="122" t="s">
        <v>182</v>
      </c>
      <c r="M164" s="119" t="s">
        <v>164</v>
      </c>
      <c r="N164" s="149"/>
      <c r="O164" s="149"/>
      <c r="P164" s="149"/>
      <c r="Q164" s="149"/>
      <c r="R164" s="149"/>
      <c r="S164" s="149"/>
      <c r="T164" s="149"/>
      <c r="U164" s="149"/>
      <c r="V164" s="149"/>
      <c r="W164" s="149"/>
      <c r="X164" s="150"/>
      <c r="Y164" s="116"/>
      <c r="Z164" s="190"/>
      <c r="AA164" s="190"/>
      <c r="AB164" s="110"/>
      <c r="AC164" s="116"/>
      <c r="AD164" s="190"/>
      <c r="AE164" s="190"/>
      <c r="AF164" s="110"/>
    </row>
    <row r="165" spans="1:32" ht="18.75" customHeight="1" x14ac:dyDescent="0.2">
      <c r="A165" s="104"/>
      <c r="B165" s="98"/>
      <c r="C165" s="166"/>
      <c r="D165" s="91"/>
      <c r="E165" s="100"/>
      <c r="F165" s="91"/>
      <c r="G165" s="100"/>
      <c r="H165" s="172" t="s">
        <v>94</v>
      </c>
      <c r="I165" s="148" t="s">
        <v>182</v>
      </c>
      <c r="J165" s="119" t="s">
        <v>153</v>
      </c>
      <c r="K165" s="119"/>
      <c r="L165" s="122" t="s">
        <v>182</v>
      </c>
      <c r="M165" s="119" t="s">
        <v>154</v>
      </c>
      <c r="N165" s="119"/>
      <c r="O165" s="151" t="s">
        <v>182</v>
      </c>
      <c r="P165" s="119" t="s">
        <v>155</v>
      </c>
      <c r="Q165" s="149"/>
      <c r="R165" s="149"/>
      <c r="S165" s="149"/>
      <c r="T165" s="149"/>
      <c r="U165" s="149"/>
      <c r="V165" s="149"/>
      <c r="W165" s="149"/>
      <c r="X165" s="150"/>
      <c r="Y165" s="116"/>
      <c r="Z165" s="190"/>
      <c r="AA165" s="190"/>
      <c r="AB165" s="110"/>
      <c r="AC165" s="116"/>
      <c r="AD165" s="190"/>
      <c r="AE165" s="190"/>
      <c r="AF165" s="110"/>
    </row>
    <row r="166" spans="1:32" ht="18.75" customHeight="1" x14ac:dyDescent="0.2">
      <c r="A166" s="104"/>
      <c r="B166" s="98"/>
      <c r="C166" s="166"/>
      <c r="D166" s="91"/>
      <c r="E166" s="100"/>
      <c r="F166" s="91"/>
      <c r="G166" s="100"/>
      <c r="H166" s="172" t="s">
        <v>95</v>
      </c>
      <c r="I166" s="118" t="s">
        <v>182</v>
      </c>
      <c r="J166" s="119" t="s">
        <v>162</v>
      </c>
      <c r="K166" s="120"/>
      <c r="L166" s="121"/>
      <c r="M166" s="122" t="s">
        <v>182</v>
      </c>
      <c r="N166" s="119" t="s">
        <v>163</v>
      </c>
      <c r="O166" s="123"/>
      <c r="P166" s="123"/>
      <c r="Q166" s="123"/>
      <c r="R166" s="123"/>
      <c r="S166" s="123"/>
      <c r="T166" s="123"/>
      <c r="U166" s="123"/>
      <c r="V166" s="123"/>
      <c r="W166" s="123"/>
      <c r="X166" s="124"/>
      <c r="Y166" s="116"/>
      <c r="Z166" s="190"/>
      <c r="AA166" s="190"/>
      <c r="AB166" s="110"/>
      <c r="AC166" s="116"/>
      <c r="AD166" s="190"/>
      <c r="AE166" s="190"/>
      <c r="AF166" s="110"/>
    </row>
    <row r="167" spans="1:32" ht="18.75" customHeight="1" x14ac:dyDescent="0.2">
      <c r="A167" s="104"/>
      <c r="B167" s="98"/>
      <c r="C167" s="166"/>
      <c r="D167" s="91"/>
      <c r="E167" s="100"/>
      <c r="F167" s="91"/>
      <c r="G167" s="100"/>
      <c r="H167" s="172" t="s">
        <v>272</v>
      </c>
      <c r="I167" s="118" t="s">
        <v>182</v>
      </c>
      <c r="J167" s="119" t="s">
        <v>153</v>
      </c>
      <c r="K167" s="120"/>
      <c r="L167" s="122" t="s">
        <v>182</v>
      </c>
      <c r="M167" s="119" t="s">
        <v>164</v>
      </c>
      <c r="N167" s="149"/>
      <c r="O167" s="149"/>
      <c r="P167" s="149"/>
      <c r="Q167" s="149"/>
      <c r="R167" s="149"/>
      <c r="S167" s="149"/>
      <c r="T167" s="149"/>
      <c r="U167" s="149"/>
      <c r="V167" s="149"/>
      <c r="W167" s="149"/>
      <c r="X167" s="150"/>
      <c r="Y167" s="116"/>
      <c r="Z167" s="190"/>
      <c r="AA167" s="190"/>
      <c r="AB167" s="110"/>
      <c r="AC167" s="116"/>
      <c r="AD167" s="190"/>
      <c r="AE167" s="190"/>
      <c r="AF167" s="110"/>
    </row>
    <row r="168" spans="1:32" ht="18.75" customHeight="1" x14ac:dyDescent="0.2">
      <c r="A168" s="104"/>
      <c r="B168" s="98"/>
      <c r="C168" s="166"/>
      <c r="D168" s="91"/>
      <c r="E168" s="100"/>
      <c r="F168" s="91"/>
      <c r="G168" s="100"/>
      <c r="H168" s="172" t="s">
        <v>100</v>
      </c>
      <c r="I168" s="148" t="s">
        <v>182</v>
      </c>
      <c r="J168" s="119" t="s">
        <v>153</v>
      </c>
      <c r="K168" s="119"/>
      <c r="L168" s="122" t="s">
        <v>182</v>
      </c>
      <c r="M168" s="119" t="s">
        <v>154</v>
      </c>
      <c r="N168" s="119"/>
      <c r="O168" s="151" t="s">
        <v>182</v>
      </c>
      <c r="P168" s="119" t="s">
        <v>155</v>
      </c>
      <c r="Q168" s="149"/>
      <c r="R168" s="149"/>
      <c r="S168" s="149"/>
      <c r="T168" s="149"/>
      <c r="U168" s="149"/>
      <c r="V168" s="149"/>
      <c r="W168" s="149"/>
      <c r="X168" s="150"/>
      <c r="Y168" s="116"/>
      <c r="Z168" s="190"/>
      <c r="AA168" s="190"/>
      <c r="AB168" s="110"/>
      <c r="AC168" s="116"/>
      <c r="AD168" s="190"/>
      <c r="AE168" s="190"/>
      <c r="AF168" s="110"/>
    </row>
    <row r="169" spans="1:32" ht="18.75" customHeight="1" x14ac:dyDescent="0.2">
      <c r="A169" s="104"/>
      <c r="B169" s="98"/>
      <c r="C169" s="166"/>
      <c r="D169" s="91"/>
      <c r="E169" s="100"/>
      <c r="F169" s="91"/>
      <c r="G169" s="100"/>
      <c r="H169" s="171" t="s">
        <v>196</v>
      </c>
      <c r="I169" s="118" t="s">
        <v>182</v>
      </c>
      <c r="J169" s="119" t="s">
        <v>153</v>
      </c>
      <c r="K169" s="119"/>
      <c r="L169" s="122" t="s">
        <v>182</v>
      </c>
      <c r="M169" s="119" t="s">
        <v>154</v>
      </c>
      <c r="N169" s="119"/>
      <c r="O169" s="122" t="s">
        <v>182</v>
      </c>
      <c r="P169" s="119" t="s">
        <v>155</v>
      </c>
      <c r="Q169" s="120"/>
      <c r="R169" s="120"/>
      <c r="S169" s="120"/>
      <c r="T169" s="120"/>
      <c r="U169" s="120"/>
      <c r="V169" s="120"/>
      <c r="W169" s="120"/>
      <c r="X169" s="127"/>
      <c r="Y169" s="116"/>
      <c r="Z169" s="190"/>
      <c r="AA169" s="190"/>
      <c r="AB169" s="110"/>
      <c r="AC169" s="116"/>
      <c r="AD169" s="190"/>
      <c r="AE169" s="190"/>
      <c r="AF169" s="110"/>
    </row>
    <row r="170" spans="1:32" ht="18.75" customHeight="1" x14ac:dyDescent="0.2">
      <c r="A170" s="104"/>
      <c r="B170" s="98"/>
      <c r="C170" s="166"/>
      <c r="D170" s="91"/>
      <c r="E170" s="100"/>
      <c r="F170" s="91"/>
      <c r="G170" s="100"/>
      <c r="H170" s="171" t="s">
        <v>126</v>
      </c>
      <c r="I170" s="118" t="s">
        <v>182</v>
      </c>
      <c r="J170" s="119" t="s">
        <v>153</v>
      </c>
      <c r="K170" s="120"/>
      <c r="L170" s="122" t="s">
        <v>182</v>
      </c>
      <c r="M170" s="119" t="s">
        <v>164</v>
      </c>
      <c r="N170" s="149"/>
      <c r="O170" s="149"/>
      <c r="P170" s="149"/>
      <c r="Q170" s="149"/>
      <c r="R170" s="149"/>
      <c r="S170" s="149"/>
      <c r="T170" s="149"/>
      <c r="U170" s="149"/>
      <c r="V170" s="149"/>
      <c r="W170" s="149"/>
      <c r="X170" s="150"/>
      <c r="Y170" s="116"/>
      <c r="Z170" s="190"/>
      <c r="AA170" s="190"/>
      <c r="AB170" s="110"/>
      <c r="AC170" s="116"/>
      <c r="AD170" s="190"/>
      <c r="AE170" s="190"/>
      <c r="AF170" s="110"/>
    </row>
    <row r="171" spans="1:32" ht="18.75" customHeight="1" x14ac:dyDescent="0.2">
      <c r="A171" s="104"/>
      <c r="B171" s="98"/>
      <c r="C171" s="166"/>
      <c r="D171" s="91"/>
      <c r="E171" s="100"/>
      <c r="F171" s="91"/>
      <c r="G171" s="100"/>
      <c r="H171" s="168" t="s">
        <v>129</v>
      </c>
      <c r="I171" s="118" t="s">
        <v>182</v>
      </c>
      <c r="J171" s="119" t="s">
        <v>153</v>
      </c>
      <c r="K171" s="120"/>
      <c r="L171" s="122" t="s">
        <v>182</v>
      </c>
      <c r="M171" s="119" t="s">
        <v>164</v>
      </c>
      <c r="N171" s="149"/>
      <c r="O171" s="149"/>
      <c r="P171" s="149"/>
      <c r="Q171" s="149"/>
      <c r="R171" s="149"/>
      <c r="S171" s="149"/>
      <c r="T171" s="149"/>
      <c r="U171" s="149"/>
      <c r="V171" s="149"/>
      <c r="W171" s="149"/>
      <c r="X171" s="150"/>
      <c r="Y171" s="116"/>
      <c r="Z171" s="190"/>
      <c r="AA171" s="190"/>
      <c r="AB171" s="110"/>
      <c r="AC171" s="116"/>
      <c r="AD171" s="190"/>
      <c r="AE171" s="190"/>
      <c r="AF171" s="110"/>
    </row>
    <row r="172" spans="1:32" ht="18.75" customHeight="1" x14ac:dyDescent="0.2">
      <c r="A172" s="104"/>
      <c r="B172" s="98"/>
      <c r="C172" s="166"/>
      <c r="D172" s="91"/>
      <c r="E172" s="100"/>
      <c r="F172" s="91"/>
      <c r="G172" s="100"/>
      <c r="H172" s="171" t="s">
        <v>137</v>
      </c>
      <c r="I172" s="118" t="s">
        <v>182</v>
      </c>
      <c r="J172" s="119" t="s">
        <v>153</v>
      </c>
      <c r="K172" s="120"/>
      <c r="L172" s="122" t="s">
        <v>182</v>
      </c>
      <c r="M172" s="119" t="s">
        <v>164</v>
      </c>
      <c r="N172" s="149"/>
      <c r="O172" s="149"/>
      <c r="P172" s="149"/>
      <c r="Q172" s="149"/>
      <c r="R172" s="149"/>
      <c r="S172" s="149"/>
      <c r="T172" s="149"/>
      <c r="U172" s="149"/>
      <c r="V172" s="149"/>
      <c r="W172" s="149"/>
      <c r="X172" s="150"/>
      <c r="Y172" s="116"/>
      <c r="Z172" s="190"/>
      <c r="AA172" s="190"/>
      <c r="AB172" s="110"/>
      <c r="AC172" s="116"/>
      <c r="AD172" s="190"/>
      <c r="AE172" s="190"/>
      <c r="AF172" s="110"/>
    </row>
    <row r="173" spans="1:32" ht="18.75" customHeight="1" x14ac:dyDescent="0.2">
      <c r="A173" s="104"/>
      <c r="B173" s="98"/>
      <c r="C173" s="166"/>
      <c r="D173" s="91"/>
      <c r="E173" s="100"/>
      <c r="F173" s="91"/>
      <c r="G173" s="100"/>
      <c r="H173" s="171" t="s">
        <v>128</v>
      </c>
      <c r="I173" s="118" t="s">
        <v>182</v>
      </c>
      <c r="J173" s="119" t="s">
        <v>153</v>
      </c>
      <c r="K173" s="120"/>
      <c r="L173" s="122" t="s">
        <v>182</v>
      </c>
      <c r="M173" s="119" t="s">
        <v>164</v>
      </c>
      <c r="N173" s="149"/>
      <c r="O173" s="149"/>
      <c r="P173" s="149"/>
      <c r="Q173" s="149"/>
      <c r="R173" s="149"/>
      <c r="S173" s="149"/>
      <c r="T173" s="149"/>
      <c r="U173" s="149"/>
      <c r="V173" s="149"/>
      <c r="W173" s="149"/>
      <c r="X173" s="150"/>
      <c r="Y173" s="116"/>
      <c r="Z173" s="190"/>
      <c r="AA173" s="190"/>
      <c r="AB173" s="110"/>
      <c r="AC173" s="116"/>
      <c r="AD173" s="190"/>
      <c r="AE173" s="190"/>
      <c r="AF173" s="110"/>
    </row>
    <row r="174" spans="1:32" ht="18.75" customHeight="1" x14ac:dyDescent="0.2">
      <c r="A174" s="104"/>
      <c r="B174" s="98"/>
      <c r="C174" s="166"/>
      <c r="D174" s="91"/>
      <c r="E174" s="100"/>
      <c r="F174" s="91"/>
      <c r="G174" s="100"/>
      <c r="H174" s="171" t="s">
        <v>135</v>
      </c>
      <c r="I174" s="118" t="s">
        <v>182</v>
      </c>
      <c r="J174" s="119" t="s">
        <v>153</v>
      </c>
      <c r="K174" s="120"/>
      <c r="L174" s="122" t="s">
        <v>182</v>
      </c>
      <c r="M174" s="119" t="s">
        <v>164</v>
      </c>
      <c r="N174" s="149"/>
      <c r="O174" s="149"/>
      <c r="P174" s="149"/>
      <c r="Q174" s="149"/>
      <c r="R174" s="149"/>
      <c r="S174" s="149"/>
      <c r="T174" s="149"/>
      <c r="U174" s="149"/>
      <c r="V174" s="149"/>
      <c r="W174" s="149"/>
      <c r="X174" s="150"/>
      <c r="Y174" s="116"/>
      <c r="Z174" s="190"/>
      <c r="AA174" s="190"/>
      <c r="AB174" s="110"/>
      <c r="AC174" s="116"/>
      <c r="AD174" s="190"/>
      <c r="AE174" s="190"/>
      <c r="AF174" s="110"/>
    </row>
    <row r="175" spans="1:32" ht="18.75" customHeight="1" x14ac:dyDescent="0.2">
      <c r="A175" s="104"/>
      <c r="B175" s="98"/>
      <c r="C175" s="166"/>
      <c r="D175" s="99"/>
      <c r="E175" s="100"/>
      <c r="F175" s="91"/>
      <c r="G175" s="100"/>
      <c r="H175" s="171" t="s">
        <v>199</v>
      </c>
      <c r="I175" s="118" t="s">
        <v>182</v>
      </c>
      <c r="J175" s="119" t="s">
        <v>153</v>
      </c>
      <c r="K175" s="119"/>
      <c r="L175" s="122" t="s">
        <v>182</v>
      </c>
      <c r="M175" s="129" t="s">
        <v>164</v>
      </c>
      <c r="N175" s="119"/>
      <c r="O175" s="119"/>
      <c r="P175" s="119"/>
      <c r="Q175" s="120"/>
      <c r="R175" s="120"/>
      <c r="S175" s="120"/>
      <c r="T175" s="120"/>
      <c r="U175" s="120"/>
      <c r="V175" s="120"/>
      <c r="W175" s="120"/>
      <c r="X175" s="127"/>
      <c r="Y175" s="116"/>
      <c r="Z175" s="190"/>
      <c r="AA175" s="190"/>
      <c r="AB175" s="110"/>
      <c r="AC175" s="116"/>
      <c r="AD175" s="190"/>
      <c r="AE175" s="190"/>
      <c r="AF175" s="110"/>
    </row>
    <row r="176" spans="1:32" ht="18.75" customHeight="1" x14ac:dyDescent="0.2">
      <c r="A176" s="104"/>
      <c r="B176" s="98"/>
      <c r="C176" s="166"/>
      <c r="D176" s="99"/>
      <c r="E176" s="100"/>
      <c r="F176" s="91"/>
      <c r="G176" s="100"/>
      <c r="H176" s="171" t="s">
        <v>200</v>
      </c>
      <c r="I176" s="118" t="s">
        <v>182</v>
      </c>
      <c r="J176" s="119" t="s">
        <v>153</v>
      </c>
      <c r="K176" s="119"/>
      <c r="L176" s="122" t="s">
        <v>182</v>
      </c>
      <c r="M176" s="129" t="s">
        <v>164</v>
      </c>
      <c r="N176" s="119"/>
      <c r="O176" s="119"/>
      <c r="P176" s="119"/>
      <c r="Q176" s="120"/>
      <c r="R176" s="120"/>
      <c r="S176" s="120"/>
      <c r="T176" s="120"/>
      <c r="U176" s="120"/>
      <c r="V176" s="120"/>
      <c r="W176" s="120"/>
      <c r="X176" s="127"/>
      <c r="Y176" s="116"/>
      <c r="Z176" s="190"/>
      <c r="AA176" s="190"/>
      <c r="AB176" s="110"/>
      <c r="AC176" s="116"/>
      <c r="AD176" s="190"/>
      <c r="AE176" s="190"/>
      <c r="AF176" s="110"/>
    </row>
    <row r="177" spans="1:33" ht="18.75" customHeight="1" x14ac:dyDescent="0.2">
      <c r="A177" s="99"/>
      <c r="B177" s="98"/>
      <c r="C177" s="166"/>
      <c r="D177" s="99"/>
      <c r="E177" s="100"/>
      <c r="F177" s="91"/>
      <c r="G177" s="182"/>
      <c r="H177" s="173" t="s">
        <v>195</v>
      </c>
      <c r="I177" s="118" t="s">
        <v>182</v>
      </c>
      <c r="J177" s="119" t="s">
        <v>153</v>
      </c>
      <c r="K177" s="119"/>
      <c r="L177" s="122" t="s">
        <v>182</v>
      </c>
      <c r="M177" s="119" t="s">
        <v>154</v>
      </c>
      <c r="N177" s="119"/>
      <c r="O177" s="122" t="s">
        <v>182</v>
      </c>
      <c r="P177" s="119" t="s">
        <v>155</v>
      </c>
      <c r="Q177" s="123"/>
      <c r="R177" s="123"/>
      <c r="S177" s="123"/>
      <c r="T177" s="123"/>
      <c r="U177" s="174"/>
      <c r="V177" s="174"/>
      <c r="W177" s="174"/>
      <c r="X177" s="175"/>
      <c r="Y177" s="116"/>
      <c r="Z177" s="190"/>
      <c r="AA177" s="190"/>
      <c r="AB177" s="110"/>
      <c r="AC177" s="116"/>
      <c r="AD177" s="190"/>
      <c r="AE177" s="190"/>
      <c r="AF177" s="110"/>
    </row>
    <row r="178" spans="1:33" ht="18.75" customHeight="1" x14ac:dyDescent="0.2">
      <c r="A178" s="104"/>
      <c r="B178" s="98"/>
      <c r="C178" s="166"/>
      <c r="D178" s="91"/>
      <c r="E178" s="100"/>
      <c r="F178" s="91"/>
      <c r="G178" s="100"/>
      <c r="H178" s="172" t="s">
        <v>101</v>
      </c>
      <c r="I178" s="118" t="s">
        <v>182</v>
      </c>
      <c r="J178" s="119" t="s">
        <v>153</v>
      </c>
      <c r="K178" s="119"/>
      <c r="L178" s="122" t="s">
        <v>182</v>
      </c>
      <c r="M178" s="119" t="s">
        <v>160</v>
      </c>
      <c r="N178" s="119"/>
      <c r="O178" s="122" t="s">
        <v>182</v>
      </c>
      <c r="P178" s="119" t="s">
        <v>161</v>
      </c>
      <c r="Q178" s="149"/>
      <c r="R178" s="122" t="s">
        <v>182</v>
      </c>
      <c r="S178" s="119" t="s">
        <v>170</v>
      </c>
      <c r="T178" s="149"/>
      <c r="U178" s="149"/>
      <c r="V178" s="149"/>
      <c r="W178" s="149"/>
      <c r="X178" s="150"/>
      <c r="Y178" s="116"/>
      <c r="Z178" s="190"/>
      <c r="AA178" s="190"/>
      <c r="AB178" s="110"/>
      <c r="AC178" s="116"/>
      <c r="AD178" s="190"/>
      <c r="AE178" s="190"/>
      <c r="AF178" s="110"/>
    </row>
    <row r="179" spans="1:33" ht="18.75" customHeight="1" x14ac:dyDescent="0.2">
      <c r="A179" s="137"/>
      <c r="B179" s="89"/>
      <c r="C179" s="138"/>
      <c r="D179" s="139"/>
      <c r="E179" s="140"/>
      <c r="F179" s="92"/>
      <c r="G179" s="141"/>
      <c r="H179" s="223" t="s">
        <v>201</v>
      </c>
      <c r="I179" s="208" t="s">
        <v>182</v>
      </c>
      <c r="J179" s="209" t="s">
        <v>153</v>
      </c>
      <c r="K179" s="209"/>
      <c r="L179" s="210" t="s">
        <v>182</v>
      </c>
      <c r="M179" s="209" t="s">
        <v>189</v>
      </c>
      <c r="N179" s="224"/>
      <c r="O179" s="210" t="s">
        <v>182</v>
      </c>
      <c r="P179" s="201" t="s">
        <v>190</v>
      </c>
      <c r="Q179" s="225"/>
      <c r="R179" s="210" t="s">
        <v>182</v>
      </c>
      <c r="S179" s="209" t="s">
        <v>191</v>
      </c>
      <c r="T179" s="225"/>
      <c r="U179" s="210" t="s">
        <v>182</v>
      </c>
      <c r="V179" s="209" t="s">
        <v>192</v>
      </c>
      <c r="W179" s="226"/>
      <c r="X179" s="227"/>
      <c r="Y179" s="142"/>
      <c r="Z179" s="142"/>
      <c r="AA179" s="142"/>
      <c r="AB179" s="143"/>
      <c r="AC179" s="144"/>
      <c r="AD179" s="142"/>
      <c r="AE179" s="142"/>
      <c r="AF179" s="143"/>
    </row>
    <row r="180" spans="1:33" ht="18.75" customHeight="1" x14ac:dyDescent="0.2">
      <c r="A180" s="41"/>
      <c r="B180" s="87"/>
      <c r="C180" s="162"/>
      <c r="D180" s="90"/>
      <c r="E180" s="97"/>
      <c r="F180" s="90"/>
      <c r="G180" s="102"/>
      <c r="H180" s="230" t="s">
        <v>235</v>
      </c>
      <c r="I180" s="156" t="s">
        <v>182</v>
      </c>
      <c r="J180" s="157" t="s">
        <v>153</v>
      </c>
      <c r="K180" s="157"/>
      <c r="L180" s="163"/>
      <c r="M180" s="159" t="s">
        <v>182</v>
      </c>
      <c r="N180" s="157" t="s">
        <v>168</v>
      </c>
      <c r="O180" s="157"/>
      <c r="P180" s="163"/>
      <c r="Q180" s="159" t="s">
        <v>182</v>
      </c>
      <c r="R180" s="164" t="s">
        <v>169</v>
      </c>
      <c r="S180" s="164"/>
      <c r="T180" s="164"/>
      <c r="U180" s="164"/>
      <c r="V180" s="164"/>
      <c r="W180" s="164"/>
      <c r="X180" s="165"/>
      <c r="Y180" s="145" t="s">
        <v>182</v>
      </c>
      <c r="Z180" s="22" t="s">
        <v>152</v>
      </c>
      <c r="AA180" s="22"/>
      <c r="AB180" s="103"/>
      <c r="AC180" s="145" t="s">
        <v>182</v>
      </c>
      <c r="AD180" s="22" t="s">
        <v>152</v>
      </c>
      <c r="AE180" s="22"/>
      <c r="AF180" s="103"/>
      <c r="AG180" s="219"/>
    </row>
    <row r="181" spans="1:33" ht="19.5" customHeight="1" x14ac:dyDescent="0.2">
      <c r="A181" s="104"/>
      <c r="B181" s="98"/>
      <c r="C181" s="105"/>
      <c r="D181" s="106"/>
      <c r="E181" s="100"/>
      <c r="F181" s="91"/>
      <c r="G181" s="107"/>
      <c r="H181" s="192" t="s">
        <v>123</v>
      </c>
      <c r="I181" s="193" t="s">
        <v>182</v>
      </c>
      <c r="J181" s="194" t="s">
        <v>183</v>
      </c>
      <c r="K181" s="195"/>
      <c r="L181" s="196"/>
      <c r="M181" s="197" t="s">
        <v>182</v>
      </c>
      <c r="N181" s="194" t="s">
        <v>187</v>
      </c>
      <c r="O181" s="197"/>
      <c r="P181" s="194"/>
      <c r="Q181" s="198"/>
      <c r="R181" s="198"/>
      <c r="S181" s="198"/>
      <c r="T181" s="198"/>
      <c r="U181" s="198"/>
      <c r="V181" s="198"/>
      <c r="W181" s="198"/>
      <c r="X181" s="199"/>
      <c r="Y181" s="99" t="s">
        <v>182</v>
      </c>
      <c r="Z181" s="191" t="s">
        <v>157</v>
      </c>
      <c r="AA181" s="190"/>
      <c r="AB181" s="110"/>
      <c r="AC181" s="99" t="s">
        <v>182</v>
      </c>
      <c r="AD181" s="191" t="s">
        <v>157</v>
      </c>
      <c r="AE181" s="190"/>
      <c r="AF181" s="110"/>
    </row>
    <row r="182" spans="1:33" ht="19.5" customHeight="1" x14ac:dyDescent="0.2">
      <c r="A182" s="104"/>
      <c r="B182" s="98"/>
      <c r="C182" s="105"/>
      <c r="D182" s="106"/>
      <c r="E182" s="100"/>
      <c r="F182" s="91"/>
      <c r="G182" s="107"/>
      <c r="H182" s="192" t="s">
        <v>186</v>
      </c>
      <c r="I182" s="193" t="s">
        <v>182</v>
      </c>
      <c r="J182" s="194" t="s">
        <v>183</v>
      </c>
      <c r="K182" s="195"/>
      <c r="L182" s="196"/>
      <c r="M182" s="197" t="s">
        <v>182</v>
      </c>
      <c r="N182" s="194" t="s">
        <v>187</v>
      </c>
      <c r="O182" s="197"/>
      <c r="P182" s="194"/>
      <c r="Q182" s="198"/>
      <c r="R182" s="198"/>
      <c r="S182" s="198"/>
      <c r="T182" s="198"/>
      <c r="U182" s="198"/>
      <c r="V182" s="198"/>
      <c r="W182" s="198"/>
      <c r="X182" s="199"/>
      <c r="Y182" s="99"/>
      <c r="Z182" s="191"/>
      <c r="AA182" s="190"/>
      <c r="AB182" s="110"/>
      <c r="AC182" s="99"/>
      <c r="AD182" s="191"/>
      <c r="AE182" s="190"/>
      <c r="AF182" s="110"/>
    </row>
    <row r="183" spans="1:33" ht="19.5" customHeight="1" x14ac:dyDescent="0.2">
      <c r="A183" s="104"/>
      <c r="B183" s="98"/>
      <c r="C183" s="105"/>
      <c r="D183" s="106"/>
      <c r="E183" s="100"/>
      <c r="F183" s="91"/>
      <c r="G183" s="107"/>
      <c r="H183" s="192" t="s">
        <v>197</v>
      </c>
      <c r="I183" s="193" t="s">
        <v>182</v>
      </c>
      <c r="J183" s="194" t="s">
        <v>183</v>
      </c>
      <c r="K183" s="195"/>
      <c r="L183" s="196"/>
      <c r="M183" s="197" t="s">
        <v>182</v>
      </c>
      <c r="N183" s="194" t="s">
        <v>187</v>
      </c>
      <c r="O183" s="197"/>
      <c r="P183" s="194"/>
      <c r="Q183" s="198"/>
      <c r="R183" s="198"/>
      <c r="S183" s="198"/>
      <c r="T183" s="198"/>
      <c r="U183" s="198"/>
      <c r="V183" s="198"/>
      <c r="W183" s="198"/>
      <c r="X183" s="199"/>
      <c r="Y183" s="99"/>
      <c r="Z183" s="191"/>
      <c r="AA183" s="190"/>
      <c r="AB183" s="110"/>
      <c r="AC183" s="99"/>
      <c r="AD183" s="191"/>
      <c r="AE183" s="190"/>
      <c r="AF183" s="110"/>
    </row>
    <row r="184" spans="1:33" ht="18.75" customHeight="1" x14ac:dyDescent="0.2">
      <c r="A184" s="104"/>
      <c r="B184" s="98"/>
      <c r="C184" s="166"/>
      <c r="D184" s="91"/>
      <c r="E184" s="100"/>
      <c r="F184" s="91"/>
      <c r="G184" s="182"/>
      <c r="H184" s="235" t="s">
        <v>273</v>
      </c>
      <c r="I184" s="193" t="s">
        <v>182</v>
      </c>
      <c r="J184" s="194" t="s">
        <v>153</v>
      </c>
      <c r="K184" s="195"/>
      <c r="L184" s="197" t="s">
        <v>182</v>
      </c>
      <c r="M184" s="194" t="s">
        <v>164</v>
      </c>
      <c r="N184" s="216"/>
      <c r="O184" s="216"/>
      <c r="P184" s="216"/>
      <c r="Q184" s="216"/>
      <c r="R184" s="216"/>
      <c r="S184" s="216"/>
      <c r="T184" s="216"/>
      <c r="U184" s="216"/>
      <c r="V184" s="216"/>
      <c r="W184" s="216"/>
      <c r="X184" s="211"/>
      <c r="Y184" s="116"/>
      <c r="Z184" s="190"/>
      <c r="AA184" s="190"/>
      <c r="AB184" s="110"/>
      <c r="AC184" s="116"/>
      <c r="AD184" s="190"/>
      <c r="AE184" s="190"/>
      <c r="AF184" s="110"/>
    </row>
    <row r="185" spans="1:33" ht="18.75" customHeight="1" x14ac:dyDescent="0.2">
      <c r="A185" s="104"/>
      <c r="B185" s="98"/>
      <c r="C185" s="166"/>
      <c r="D185" s="91"/>
      <c r="E185" s="100"/>
      <c r="F185" s="91"/>
      <c r="G185" s="182"/>
      <c r="H185" s="172" t="s">
        <v>274</v>
      </c>
      <c r="I185" s="118" t="s">
        <v>182</v>
      </c>
      <c r="J185" s="119" t="s">
        <v>175</v>
      </c>
      <c r="K185" s="120"/>
      <c r="L185" s="121"/>
      <c r="M185" s="122" t="s">
        <v>182</v>
      </c>
      <c r="N185" s="119" t="s">
        <v>179</v>
      </c>
      <c r="O185" s="123"/>
      <c r="P185" s="123"/>
      <c r="Q185" s="123"/>
      <c r="R185" s="123"/>
      <c r="S185" s="123"/>
      <c r="T185" s="123"/>
      <c r="U185" s="123"/>
      <c r="V185" s="123"/>
      <c r="W185" s="123"/>
      <c r="X185" s="124"/>
      <c r="Y185" s="116"/>
      <c r="Z185" s="190"/>
      <c r="AA185" s="190"/>
      <c r="AB185" s="110"/>
      <c r="AC185" s="116"/>
      <c r="AD185" s="190"/>
      <c r="AE185" s="190"/>
      <c r="AF185" s="110"/>
    </row>
    <row r="186" spans="1:33" ht="18.75" customHeight="1" x14ac:dyDescent="0.2">
      <c r="A186" s="104"/>
      <c r="B186" s="98"/>
      <c r="C186" s="166"/>
      <c r="D186" s="91"/>
      <c r="E186" s="100"/>
      <c r="F186" s="91"/>
      <c r="G186" s="182"/>
      <c r="H186" s="125" t="s">
        <v>127</v>
      </c>
      <c r="I186" s="118" t="s">
        <v>182</v>
      </c>
      <c r="J186" s="119" t="s">
        <v>153</v>
      </c>
      <c r="K186" s="120"/>
      <c r="L186" s="122" t="s">
        <v>182</v>
      </c>
      <c r="M186" s="119" t="s">
        <v>164</v>
      </c>
      <c r="N186" s="149"/>
      <c r="O186" s="149"/>
      <c r="P186" s="149"/>
      <c r="Q186" s="149"/>
      <c r="R186" s="149"/>
      <c r="S186" s="149"/>
      <c r="T186" s="149"/>
      <c r="U186" s="149"/>
      <c r="V186" s="149"/>
      <c r="W186" s="149"/>
      <c r="X186" s="150"/>
      <c r="Y186" s="116"/>
      <c r="Z186" s="190"/>
      <c r="AA186" s="190"/>
      <c r="AB186" s="110"/>
      <c r="AC186" s="116"/>
      <c r="AD186" s="190"/>
      <c r="AE186" s="190"/>
      <c r="AF186" s="110"/>
    </row>
    <row r="187" spans="1:33" ht="18.75" customHeight="1" x14ac:dyDescent="0.2">
      <c r="A187" s="104"/>
      <c r="B187" s="98"/>
      <c r="C187" s="166"/>
      <c r="D187" s="91"/>
      <c r="E187" s="100"/>
      <c r="F187" s="91"/>
      <c r="G187" s="182"/>
      <c r="H187" s="275" t="s">
        <v>204</v>
      </c>
      <c r="I187" s="277" t="s">
        <v>182</v>
      </c>
      <c r="J187" s="279" t="s">
        <v>158</v>
      </c>
      <c r="K187" s="279"/>
      <c r="L187" s="279"/>
      <c r="M187" s="277" t="s">
        <v>182</v>
      </c>
      <c r="N187" s="279" t="s">
        <v>159</v>
      </c>
      <c r="O187" s="279"/>
      <c r="P187" s="279"/>
      <c r="Q187" s="135"/>
      <c r="R187" s="135"/>
      <c r="S187" s="135"/>
      <c r="T187" s="135"/>
      <c r="U187" s="135"/>
      <c r="V187" s="135"/>
      <c r="W187" s="135"/>
      <c r="X187" s="136"/>
      <c r="Y187" s="116"/>
      <c r="Z187" s="190"/>
      <c r="AA187" s="190"/>
      <c r="AB187" s="110"/>
      <c r="AC187" s="116"/>
      <c r="AD187" s="190"/>
      <c r="AE187" s="190"/>
      <c r="AF187" s="110"/>
    </row>
    <row r="188" spans="1:33" ht="18.75" customHeight="1" x14ac:dyDescent="0.2">
      <c r="A188" s="104"/>
      <c r="B188" s="98"/>
      <c r="C188" s="166"/>
      <c r="D188" s="91"/>
      <c r="E188" s="100"/>
      <c r="F188" s="91"/>
      <c r="G188" s="182"/>
      <c r="H188" s="276"/>
      <c r="I188" s="278"/>
      <c r="J188" s="280"/>
      <c r="K188" s="280"/>
      <c r="L188" s="280"/>
      <c r="M188" s="278"/>
      <c r="N188" s="280"/>
      <c r="O188" s="280"/>
      <c r="P188" s="280"/>
      <c r="Q188" s="114"/>
      <c r="R188" s="114"/>
      <c r="S188" s="114"/>
      <c r="T188" s="114"/>
      <c r="U188" s="114"/>
      <c r="V188" s="114"/>
      <c r="W188" s="114"/>
      <c r="X188" s="115"/>
      <c r="Y188" s="116"/>
      <c r="Z188" s="190"/>
      <c r="AA188" s="190"/>
      <c r="AB188" s="110"/>
      <c r="AC188" s="116"/>
      <c r="AD188" s="190"/>
      <c r="AE188" s="190"/>
      <c r="AF188" s="110"/>
    </row>
    <row r="189" spans="1:33" ht="18.75" customHeight="1" x14ac:dyDescent="0.2">
      <c r="A189" s="104"/>
      <c r="B189" s="98"/>
      <c r="C189" s="166"/>
      <c r="D189" s="91"/>
      <c r="E189" s="100"/>
      <c r="F189" s="91"/>
      <c r="G189" s="182"/>
      <c r="H189" s="111" t="s">
        <v>110</v>
      </c>
      <c r="I189" s="148" t="s">
        <v>182</v>
      </c>
      <c r="J189" s="119" t="s">
        <v>153</v>
      </c>
      <c r="K189" s="119"/>
      <c r="L189" s="122" t="s">
        <v>182</v>
      </c>
      <c r="M189" s="119" t="s">
        <v>154</v>
      </c>
      <c r="N189" s="119"/>
      <c r="O189" s="151" t="s">
        <v>182</v>
      </c>
      <c r="P189" s="119" t="s">
        <v>155</v>
      </c>
      <c r="Q189" s="149"/>
      <c r="R189" s="151"/>
      <c r="S189" s="119"/>
      <c r="T189" s="149"/>
      <c r="U189" s="151"/>
      <c r="V189" s="119"/>
      <c r="W189" s="149"/>
      <c r="X189" s="115"/>
      <c r="Y189" s="116"/>
      <c r="Z189" s="190"/>
      <c r="AA189" s="190"/>
      <c r="AB189" s="110"/>
      <c r="AC189" s="116"/>
      <c r="AD189" s="190"/>
      <c r="AE189" s="190"/>
      <c r="AF189" s="110"/>
    </row>
    <row r="190" spans="1:33" ht="18.75" customHeight="1" x14ac:dyDescent="0.2">
      <c r="A190" s="104"/>
      <c r="B190" s="98"/>
      <c r="C190" s="166"/>
      <c r="D190" s="91"/>
      <c r="E190" s="100"/>
      <c r="F190" s="91"/>
      <c r="G190" s="182"/>
      <c r="H190" s="172" t="s">
        <v>206</v>
      </c>
      <c r="I190" s="118" t="s">
        <v>182</v>
      </c>
      <c r="J190" s="119" t="s">
        <v>153</v>
      </c>
      <c r="K190" s="120"/>
      <c r="L190" s="122" t="s">
        <v>182</v>
      </c>
      <c r="M190" s="119" t="s">
        <v>164</v>
      </c>
      <c r="N190" s="149"/>
      <c r="O190" s="149"/>
      <c r="P190" s="149"/>
      <c r="Q190" s="149"/>
      <c r="R190" s="149"/>
      <c r="S190" s="149"/>
      <c r="T190" s="149"/>
      <c r="U190" s="149"/>
      <c r="V190" s="149"/>
      <c r="W190" s="149"/>
      <c r="X190" s="150"/>
      <c r="Y190" s="116"/>
      <c r="Z190" s="190"/>
      <c r="AA190" s="190"/>
      <c r="AB190" s="110"/>
      <c r="AC190" s="116"/>
      <c r="AD190" s="190"/>
      <c r="AE190" s="190"/>
      <c r="AF190" s="110"/>
    </row>
    <row r="191" spans="1:33" ht="18.75" customHeight="1" x14ac:dyDescent="0.2">
      <c r="A191" s="104"/>
      <c r="B191" s="98"/>
      <c r="C191" s="166"/>
      <c r="D191" s="91"/>
      <c r="E191" s="100"/>
      <c r="F191" s="91"/>
      <c r="G191" s="182"/>
      <c r="H191" s="191" t="s">
        <v>142</v>
      </c>
      <c r="I191" s="118" t="s">
        <v>182</v>
      </c>
      <c r="J191" s="119" t="s">
        <v>153</v>
      </c>
      <c r="K191" s="120"/>
      <c r="L191" s="122" t="s">
        <v>182</v>
      </c>
      <c r="M191" s="119" t="s">
        <v>164</v>
      </c>
      <c r="N191" s="149"/>
      <c r="O191" s="149"/>
      <c r="P191" s="149"/>
      <c r="Q191" s="149"/>
      <c r="R191" s="149"/>
      <c r="S191" s="149"/>
      <c r="T191" s="149"/>
      <c r="U191" s="149"/>
      <c r="V191" s="149"/>
      <c r="W191" s="149"/>
      <c r="X191" s="150"/>
      <c r="Y191" s="116"/>
      <c r="Z191" s="190"/>
      <c r="AA191" s="190"/>
      <c r="AB191" s="110"/>
      <c r="AC191" s="116"/>
      <c r="AD191" s="190"/>
      <c r="AE191" s="190"/>
      <c r="AF191" s="110"/>
    </row>
    <row r="192" spans="1:33" ht="18.75" customHeight="1" x14ac:dyDescent="0.2">
      <c r="A192" s="104"/>
      <c r="B192" s="98"/>
      <c r="C192" s="166" t="s">
        <v>275</v>
      </c>
      <c r="D192" s="99" t="s">
        <v>182</v>
      </c>
      <c r="E192" s="100" t="s">
        <v>276</v>
      </c>
      <c r="F192" s="91"/>
      <c r="G192" s="182"/>
      <c r="H192" s="125" t="s">
        <v>134</v>
      </c>
      <c r="I192" s="118" t="s">
        <v>182</v>
      </c>
      <c r="J192" s="119" t="s">
        <v>153</v>
      </c>
      <c r="K192" s="120"/>
      <c r="L192" s="122" t="s">
        <v>182</v>
      </c>
      <c r="M192" s="119" t="s">
        <v>164</v>
      </c>
      <c r="N192" s="149"/>
      <c r="O192" s="149"/>
      <c r="P192" s="149"/>
      <c r="Q192" s="149"/>
      <c r="R192" s="149"/>
      <c r="S192" s="149"/>
      <c r="T192" s="149"/>
      <c r="U192" s="149"/>
      <c r="V192" s="149"/>
      <c r="W192" s="149"/>
      <c r="X192" s="150"/>
      <c r="Y192" s="116"/>
      <c r="Z192" s="190"/>
      <c r="AA192" s="190"/>
      <c r="AB192" s="110"/>
      <c r="AC192" s="116"/>
      <c r="AD192" s="190"/>
      <c r="AE192" s="190"/>
      <c r="AF192" s="110"/>
    </row>
    <row r="193" spans="1:33" ht="18.75" customHeight="1" x14ac:dyDescent="0.2">
      <c r="A193" s="99" t="s">
        <v>182</v>
      </c>
      <c r="B193" s="98">
        <v>77</v>
      </c>
      <c r="C193" s="166" t="s">
        <v>277</v>
      </c>
      <c r="D193" s="99" t="s">
        <v>182</v>
      </c>
      <c r="E193" s="100" t="s">
        <v>278</v>
      </c>
      <c r="F193" s="91"/>
      <c r="G193" s="182"/>
      <c r="H193" s="172" t="s">
        <v>279</v>
      </c>
      <c r="I193" s="118" t="s">
        <v>182</v>
      </c>
      <c r="J193" s="119" t="s">
        <v>153</v>
      </c>
      <c r="K193" s="120"/>
      <c r="L193" s="122" t="s">
        <v>182</v>
      </c>
      <c r="M193" s="119" t="s">
        <v>164</v>
      </c>
      <c r="N193" s="149"/>
      <c r="O193" s="149"/>
      <c r="P193" s="149"/>
      <c r="Q193" s="149"/>
      <c r="R193" s="149"/>
      <c r="S193" s="149"/>
      <c r="T193" s="149"/>
      <c r="U193" s="149"/>
      <c r="V193" s="149"/>
      <c r="W193" s="149"/>
      <c r="X193" s="150"/>
      <c r="Y193" s="116"/>
      <c r="Z193" s="190"/>
      <c r="AA193" s="190"/>
      <c r="AB193" s="110"/>
      <c r="AC193" s="116"/>
      <c r="AD193" s="190"/>
      <c r="AE193" s="190"/>
      <c r="AF193" s="110"/>
    </row>
    <row r="194" spans="1:33" ht="18.75" customHeight="1" x14ac:dyDescent="0.2">
      <c r="A194" s="104"/>
      <c r="B194" s="98"/>
      <c r="C194" s="100" t="s">
        <v>280</v>
      </c>
      <c r="D194" s="91"/>
      <c r="E194" s="100" t="s">
        <v>240</v>
      </c>
      <c r="F194" s="91"/>
      <c r="G194" s="182"/>
      <c r="H194" s="172" t="s">
        <v>216</v>
      </c>
      <c r="I194" s="118" t="s">
        <v>182</v>
      </c>
      <c r="J194" s="119" t="s">
        <v>162</v>
      </c>
      <c r="K194" s="120"/>
      <c r="L194" s="121"/>
      <c r="M194" s="122" t="s">
        <v>182</v>
      </c>
      <c r="N194" s="119" t="s">
        <v>163</v>
      </c>
      <c r="O194" s="123"/>
      <c r="P194" s="123"/>
      <c r="Q194" s="123"/>
      <c r="R194" s="123"/>
      <c r="S194" s="123"/>
      <c r="T194" s="123"/>
      <c r="U194" s="123"/>
      <c r="V194" s="123"/>
      <c r="W194" s="123"/>
      <c r="X194" s="124"/>
      <c r="Y194" s="116"/>
      <c r="Z194" s="190"/>
      <c r="AA194" s="190"/>
      <c r="AB194" s="110"/>
      <c r="AC194" s="116"/>
      <c r="AD194" s="190"/>
      <c r="AE194" s="190"/>
      <c r="AF194" s="110"/>
    </row>
    <row r="195" spans="1:33" ht="18.75" customHeight="1" x14ac:dyDescent="0.2">
      <c r="A195" s="104"/>
      <c r="B195" s="98"/>
      <c r="C195" s="166"/>
      <c r="D195" s="99"/>
      <c r="E195" s="100"/>
      <c r="F195" s="91"/>
      <c r="G195" s="107"/>
      <c r="H195" s="125" t="s">
        <v>193</v>
      </c>
      <c r="I195" s="148" t="s">
        <v>182</v>
      </c>
      <c r="J195" s="119" t="s">
        <v>153</v>
      </c>
      <c r="K195" s="120"/>
      <c r="L195" s="122" t="s">
        <v>182</v>
      </c>
      <c r="M195" s="119" t="s">
        <v>164</v>
      </c>
      <c r="N195" s="119"/>
      <c r="O195" s="149"/>
      <c r="P195" s="149"/>
      <c r="Q195" s="149"/>
      <c r="R195" s="149"/>
      <c r="S195" s="149"/>
      <c r="T195" s="149"/>
      <c r="U195" s="149"/>
      <c r="V195" s="149"/>
      <c r="W195" s="149"/>
      <c r="X195" s="150"/>
      <c r="Y195" s="116"/>
      <c r="Z195" s="190"/>
      <c r="AA195" s="190"/>
      <c r="AB195" s="110"/>
      <c r="AC195" s="116"/>
      <c r="AD195" s="190"/>
      <c r="AE195" s="190"/>
      <c r="AF195" s="110"/>
    </row>
    <row r="196" spans="1:33" ht="18.75" customHeight="1" x14ac:dyDescent="0.2">
      <c r="A196" s="99"/>
      <c r="B196" s="98"/>
      <c r="C196" s="166"/>
      <c r="D196" s="99"/>
      <c r="E196" s="100"/>
      <c r="F196" s="91"/>
      <c r="G196" s="182"/>
      <c r="H196" s="172" t="s">
        <v>86</v>
      </c>
      <c r="I196" s="118" t="s">
        <v>182</v>
      </c>
      <c r="J196" s="119" t="s">
        <v>153</v>
      </c>
      <c r="K196" s="120"/>
      <c r="L196" s="122" t="s">
        <v>182</v>
      </c>
      <c r="M196" s="119" t="s">
        <v>164</v>
      </c>
      <c r="N196" s="149"/>
      <c r="O196" s="149"/>
      <c r="P196" s="149"/>
      <c r="Q196" s="149"/>
      <c r="R196" s="149"/>
      <c r="S196" s="149"/>
      <c r="T196" s="149"/>
      <c r="U196" s="149"/>
      <c r="V196" s="149"/>
      <c r="W196" s="149"/>
      <c r="X196" s="150"/>
      <c r="Y196" s="116"/>
      <c r="Z196" s="190"/>
      <c r="AA196" s="190"/>
      <c r="AB196" s="110"/>
      <c r="AC196" s="116"/>
      <c r="AD196" s="190"/>
      <c r="AE196" s="190"/>
      <c r="AF196" s="110"/>
    </row>
    <row r="197" spans="1:33" ht="18.75" customHeight="1" x14ac:dyDescent="0.2">
      <c r="A197" s="104"/>
      <c r="B197" s="98"/>
      <c r="C197" s="100"/>
      <c r="D197" s="91"/>
      <c r="E197" s="100"/>
      <c r="F197" s="91"/>
      <c r="G197" s="107"/>
      <c r="H197" s="125" t="s">
        <v>194</v>
      </c>
      <c r="I197" s="148" t="s">
        <v>182</v>
      </c>
      <c r="J197" s="119" t="s">
        <v>153</v>
      </c>
      <c r="K197" s="120"/>
      <c r="L197" s="122" t="s">
        <v>182</v>
      </c>
      <c r="M197" s="119" t="s">
        <v>164</v>
      </c>
      <c r="N197" s="119"/>
      <c r="O197" s="149"/>
      <c r="P197" s="149"/>
      <c r="Q197" s="149"/>
      <c r="R197" s="149"/>
      <c r="S197" s="149"/>
      <c r="T197" s="149"/>
      <c r="U197" s="149"/>
      <c r="V197" s="149"/>
      <c r="W197" s="149"/>
      <c r="X197" s="150"/>
      <c r="Y197" s="116"/>
      <c r="Z197" s="190"/>
      <c r="AA197" s="190"/>
      <c r="AB197" s="110"/>
      <c r="AC197" s="116"/>
      <c r="AD197" s="190"/>
      <c r="AE197" s="190"/>
      <c r="AF197" s="110"/>
    </row>
    <row r="198" spans="1:33" ht="18.75" customHeight="1" x14ac:dyDescent="0.2">
      <c r="A198" s="106"/>
      <c r="B198" s="153"/>
      <c r="C198" s="215"/>
      <c r="D198" s="188"/>
      <c r="E198" s="188"/>
      <c r="F198" s="91"/>
      <c r="G198" s="182"/>
      <c r="H198" s="172" t="s">
        <v>203</v>
      </c>
      <c r="I198" s="118" t="s">
        <v>182</v>
      </c>
      <c r="J198" s="119" t="s">
        <v>153</v>
      </c>
      <c r="K198" s="119"/>
      <c r="L198" s="122" t="s">
        <v>182</v>
      </c>
      <c r="M198" s="119" t="s">
        <v>165</v>
      </c>
      <c r="N198" s="119"/>
      <c r="O198" s="122" t="s">
        <v>182</v>
      </c>
      <c r="P198" s="119" t="s">
        <v>166</v>
      </c>
      <c r="Q198" s="149"/>
      <c r="R198" s="149"/>
      <c r="S198" s="149"/>
      <c r="T198" s="149"/>
      <c r="U198" s="149"/>
      <c r="V198" s="149"/>
      <c r="W198" s="149"/>
      <c r="X198" s="150"/>
      <c r="Y198" s="116"/>
      <c r="Z198" s="190"/>
      <c r="AA198" s="190"/>
      <c r="AB198" s="110"/>
      <c r="AC198" s="116"/>
      <c r="AD198" s="190"/>
      <c r="AE198" s="190"/>
      <c r="AF198" s="110"/>
    </row>
    <row r="199" spans="1:33" ht="18.75" customHeight="1" x14ac:dyDescent="0.2">
      <c r="A199" s="106"/>
      <c r="B199" s="153"/>
      <c r="C199" s="215"/>
      <c r="D199" s="188"/>
      <c r="E199" s="188"/>
      <c r="F199" s="91"/>
      <c r="G199" s="182"/>
      <c r="H199" s="172" t="s">
        <v>243</v>
      </c>
      <c r="I199" s="118" t="s">
        <v>182</v>
      </c>
      <c r="J199" s="119" t="s">
        <v>153</v>
      </c>
      <c r="K199" s="120"/>
      <c r="L199" s="122" t="s">
        <v>182</v>
      </c>
      <c r="M199" s="119" t="s">
        <v>164</v>
      </c>
      <c r="N199" s="149"/>
      <c r="O199" s="149"/>
      <c r="P199" s="149"/>
      <c r="Q199" s="149"/>
      <c r="R199" s="149"/>
      <c r="S199" s="149"/>
      <c r="T199" s="149"/>
      <c r="U199" s="149"/>
      <c r="V199" s="149"/>
      <c r="W199" s="149"/>
      <c r="X199" s="150"/>
      <c r="Y199" s="116"/>
      <c r="Z199" s="190"/>
      <c r="AA199" s="190"/>
      <c r="AB199" s="110"/>
      <c r="AC199" s="116"/>
      <c r="AD199" s="190"/>
      <c r="AE199" s="190"/>
      <c r="AF199" s="110"/>
    </row>
    <row r="200" spans="1:33" ht="18.75" customHeight="1" x14ac:dyDescent="0.2">
      <c r="A200" s="106"/>
      <c r="B200" s="153"/>
      <c r="C200" s="215"/>
      <c r="D200" s="188"/>
      <c r="E200" s="188"/>
      <c r="F200" s="91"/>
      <c r="G200" s="182"/>
      <c r="H200" s="172" t="s">
        <v>217</v>
      </c>
      <c r="I200" s="118" t="s">
        <v>182</v>
      </c>
      <c r="J200" s="119" t="s">
        <v>153</v>
      </c>
      <c r="K200" s="120"/>
      <c r="L200" s="122" t="s">
        <v>182</v>
      </c>
      <c r="M200" s="119" t="s">
        <v>165</v>
      </c>
      <c r="N200" s="119"/>
      <c r="O200" s="151" t="s">
        <v>182</v>
      </c>
      <c r="P200" s="128" t="s">
        <v>166</v>
      </c>
      <c r="Q200" s="119"/>
      <c r="R200" s="119"/>
      <c r="S200" s="120"/>
      <c r="T200" s="119"/>
      <c r="U200" s="120"/>
      <c r="V200" s="120"/>
      <c r="W200" s="120"/>
      <c r="X200" s="127"/>
      <c r="Y200" s="116"/>
      <c r="Z200" s="190"/>
      <c r="AA200" s="190"/>
      <c r="AB200" s="110"/>
      <c r="AC200" s="116"/>
      <c r="AD200" s="190"/>
      <c r="AE200" s="190"/>
      <c r="AF200" s="110"/>
    </row>
    <row r="201" spans="1:33" ht="18.75" customHeight="1" x14ac:dyDescent="0.2">
      <c r="A201" s="104"/>
      <c r="B201" s="98"/>
      <c r="C201" s="166"/>
      <c r="D201" s="217"/>
      <c r="E201" s="100"/>
      <c r="F201" s="91"/>
      <c r="G201" s="182"/>
      <c r="H201" s="171" t="s">
        <v>126</v>
      </c>
      <c r="I201" s="118" t="s">
        <v>182</v>
      </c>
      <c r="J201" s="119" t="s">
        <v>153</v>
      </c>
      <c r="K201" s="120"/>
      <c r="L201" s="122" t="s">
        <v>182</v>
      </c>
      <c r="M201" s="119" t="s">
        <v>164</v>
      </c>
      <c r="N201" s="149"/>
      <c r="O201" s="149"/>
      <c r="P201" s="149"/>
      <c r="Q201" s="149"/>
      <c r="R201" s="149"/>
      <c r="S201" s="149"/>
      <c r="T201" s="149"/>
      <c r="U201" s="149"/>
      <c r="V201" s="149"/>
      <c r="W201" s="149"/>
      <c r="X201" s="150"/>
      <c r="Y201" s="116"/>
      <c r="Z201" s="190"/>
      <c r="AA201" s="190"/>
      <c r="AB201" s="110"/>
      <c r="AC201" s="116"/>
      <c r="AD201" s="190"/>
      <c r="AE201" s="190"/>
      <c r="AF201" s="110"/>
    </row>
    <row r="202" spans="1:33" ht="18.75" customHeight="1" x14ac:dyDescent="0.2">
      <c r="A202" s="104"/>
      <c r="B202" s="98"/>
      <c r="C202" s="166"/>
      <c r="D202" s="217"/>
      <c r="E202" s="100"/>
      <c r="F202" s="91"/>
      <c r="G202" s="182"/>
      <c r="H202" s="168" t="s">
        <v>129</v>
      </c>
      <c r="I202" s="118" t="s">
        <v>182</v>
      </c>
      <c r="J202" s="119" t="s">
        <v>153</v>
      </c>
      <c r="K202" s="120"/>
      <c r="L202" s="122" t="s">
        <v>182</v>
      </c>
      <c r="M202" s="119" t="s">
        <v>164</v>
      </c>
      <c r="N202" s="149"/>
      <c r="O202" s="149"/>
      <c r="P202" s="149"/>
      <c r="Q202" s="149"/>
      <c r="R202" s="149"/>
      <c r="S202" s="149"/>
      <c r="T202" s="149"/>
      <c r="U202" s="149"/>
      <c r="V202" s="149"/>
      <c r="W202" s="149"/>
      <c r="X202" s="150"/>
      <c r="Y202" s="116"/>
      <c r="Z202" s="190"/>
      <c r="AA202" s="190"/>
      <c r="AB202" s="110"/>
      <c r="AC202" s="116"/>
      <c r="AD202" s="190"/>
      <c r="AE202" s="190"/>
      <c r="AF202" s="110"/>
    </row>
    <row r="203" spans="1:33" ht="18.75" customHeight="1" x14ac:dyDescent="0.2">
      <c r="A203" s="104"/>
      <c r="B203" s="98"/>
      <c r="C203" s="166"/>
      <c r="D203" s="91"/>
      <c r="E203" s="100"/>
      <c r="F203" s="91"/>
      <c r="G203" s="182"/>
      <c r="H203" s="125" t="s">
        <v>128</v>
      </c>
      <c r="I203" s="118" t="s">
        <v>182</v>
      </c>
      <c r="J203" s="119" t="s">
        <v>153</v>
      </c>
      <c r="K203" s="120"/>
      <c r="L203" s="122" t="s">
        <v>182</v>
      </c>
      <c r="M203" s="119" t="s">
        <v>164</v>
      </c>
      <c r="N203" s="149"/>
      <c r="O203" s="149"/>
      <c r="P203" s="149"/>
      <c r="Q203" s="149"/>
      <c r="R203" s="149"/>
      <c r="S203" s="149"/>
      <c r="T203" s="149"/>
      <c r="U203" s="149"/>
      <c r="V203" s="149"/>
      <c r="W203" s="149"/>
      <c r="X203" s="150"/>
      <c r="Y203" s="116"/>
      <c r="Z203" s="190"/>
      <c r="AA203" s="190"/>
      <c r="AB203" s="110"/>
      <c r="AC203" s="116"/>
      <c r="AD203" s="190"/>
      <c r="AE203" s="190"/>
      <c r="AF203" s="110"/>
    </row>
    <row r="204" spans="1:33" ht="18.75" customHeight="1" x14ac:dyDescent="0.2">
      <c r="A204" s="104"/>
      <c r="B204" s="98"/>
      <c r="C204" s="166"/>
      <c r="D204" s="91"/>
      <c r="E204" s="100"/>
      <c r="F204" s="91"/>
      <c r="G204" s="182"/>
      <c r="H204" s="173" t="s">
        <v>195</v>
      </c>
      <c r="I204" s="118" t="s">
        <v>182</v>
      </c>
      <c r="J204" s="119" t="s">
        <v>153</v>
      </c>
      <c r="K204" s="119"/>
      <c r="L204" s="122" t="s">
        <v>182</v>
      </c>
      <c r="M204" s="119" t="s">
        <v>154</v>
      </c>
      <c r="N204" s="119"/>
      <c r="O204" s="122" t="s">
        <v>182</v>
      </c>
      <c r="P204" s="119" t="s">
        <v>155</v>
      </c>
      <c r="Q204" s="123"/>
      <c r="R204" s="123"/>
      <c r="S204" s="123"/>
      <c r="T204" s="123"/>
      <c r="U204" s="174"/>
      <c r="V204" s="174"/>
      <c r="W204" s="174"/>
      <c r="X204" s="175"/>
      <c r="Y204" s="116"/>
      <c r="Z204" s="190"/>
      <c r="AA204" s="190"/>
      <c r="AB204" s="110"/>
      <c r="AC204" s="116"/>
      <c r="AD204" s="190"/>
      <c r="AE204" s="190"/>
      <c r="AF204" s="110"/>
    </row>
    <row r="205" spans="1:33" ht="18.75" customHeight="1" x14ac:dyDescent="0.2">
      <c r="A205" s="104"/>
      <c r="B205" s="98"/>
      <c r="C205" s="166"/>
      <c r="D205" s="91"/>
      <c r="E205" s="100"/>
      <c r="F205" s="91"/>
      <c r="G205" s="182"/>
      <c r="H205" s="172" t="s">
        <v>101</v>
      </c>
      <c r="I205" s="118" t="s">
        <v>182</v>
      </c>
      <c r="J205" s="119" t="s">
        <v>153</v>
      </c>
      <c r="K205" s="119"/>
      <c r="L205" s="122" t="s">
        <v>182</v>
      </c>
      <c r="M205" s="119" t="s">
        <v>160</v>
      </c>
      <c r="N205" s="119"/>
      <c r="O205" s="122" t="s">
        <v>182</v>
      </c>
      <c r="P205" s="119" t="s">
        <v>161</v>
      </c>
      <c r="Q205" s="149"/>
      <c r="R205" s="122" t="s">
        <v>182</v>
      </c>
      <c r="S205" s="119" t="s">
        <v>170</v>
      </c>
      <c r="T205" s="149"/>
      <c r="U205" s="149"/>
      <c r="V205" s="149"/>
      <c r="W205" s="149"/>
      <c r="X205" s="150"/>
      <c r="Y205" s="116"/>
      <c r="Z205" s="190"/>
      <c r="AA205" s="190"/>
      <c r="AB205" s="110"/>
      <c r="AC205" s="116"/>
      <c r="AD205" s="190"/>
      <c r="AE205" s="190"/>
      <c r="AF205" s="110"/>
    </row>
    <row r="206" spans="1:33" ht="18.75" customHeight="1" x14ac:dyDescent="0.2">
      <c r="A206" s="137"/>
      <c r="B206" s="89"/>
      <c r="C206" s="138"/>
      <c r="D206" s="139"/>
      <c r="E206" s="140"/>
      <c r="F206" s="92"/>
      <c r="G206" s="141"/>
      <c r="H206" s="223" t="s">
        <v>201</v>
      </c>
      <c r="I206" s="208" t="s">
        <v>182</v>
      </c>
      <c r="J206" s="209" t="s">
        <v>153</v>
      </c>
      <c r="K206" s="209"/>
      <c r="L206" s="210" t="s">
        <v>182</v>
      </c>
      <c r="M206" s="209" t="s">
        <v>189</v>
      </c>
      <c r="N206" s="224"/>
      <c r="O206" s="210" t="s">
        <v>182</v>
      </c>
      <c r="P206" s="201" t="s">
        <v>190</v>
      </c>
      <c r="Q206" s="225"/>
      <c r="R206" s="210" t="s">
        <v>182</v>
      </c>
      <c r="S206" s="209" t="s">
        <v>191</v>
      </c>
      <c r="T206" s="225"/>
      <c r="U206" s="210" t="s">
        <v>182</v>
      </c>
      <c r="V206" s="209" t="s">
        <v>192</v>
      </c>
      <c r="W206" s="226"/>
      <c r="X206" s="227"/>
      <c r="Y206" s="142"/>
      <c r="Z206" s="142"/>
      <c r="AA206" s="142"/>
      <c r="AB206" s="143"/>
      <c r="AC206" s="144"/>
      <c r="AD206" s="142"/>
      <c r="AE206" s="142"/>
      <c r="AF206" s="143"/>
    </row>
    <row r="207" spans="1:33" ht="18.75" customHeight="1" x14ac:dyDescent="0.2">
      <c r="A207" s="41"/>
      <c r="B207" s="87"/>
      <c r="C207" s="162"/>
      <c r="D207" s="90"/>
      <c r="E207" s="97"/>
      <c r="F207" s="90"/>
      <c r="G207" s="102"/>
      <c r="H207" s="230" t="s">
        <v>87</v>
      </c>
      <c r="I207" s="156" t="s">
        <v>182</v>
      </c>
      <c r="J207" s="157" t="s">
        <v>153</v>
      </c>
      <c r="K207" s="157"/>
      <c r="L207" s="163"/>
      <c r="M207" s="159" t="s">
        <v>182</v>
      </c>
      <c r="N207" s="157" t="s">
        <v>168</v>
      </c>
      <c r="O207" s="157"/>
      <c r="P207" s="163"/>
      <c r="Q207" s="159" t="s">
        <v>182</v>
      </c>
      <c r="R207" s="164" t="s">
        <v>169</v>
      </c>
      <c r="S207" s="164"/>
      <c r="T207" s="164"/>
      <c r="U207" s="164"/>
      <c r="V207" s="164"/>
      <c r="W207" s="164"/>
      <c r="X207" s="165"/>
      <c r="Y207" s="145" t="s">
        <v>182</v>
      </c>
      <c r="Z207" s="22" t="s">
        <v>152</v>
      </c>
      <c r="AA207" s="22"/>
      <c r="AB207" s="103"/>
      <c r="AC207" s="145" t="s">
        <v>182</v>
      </c>
      <c r="AD207" s="22" t="s">
        <v>152</v>
      </c>
      <c r="AE207" s="22"/>
      <c r="AF207" s="103"/>
      <c r="AG207" s="219"/>
    </row>
    <row r="208" spans="1:33" ht="19.5" customHeight="1" x14ac:dyDescent="0.2">
      <c r="A208" s="104"/>
      <c r="B208" s="98"/>
      <c r="C208" s="105"/>
      <c r="D208" s="106"/>
      <c r="E208" s="100"/>
      <c r="F208" s="91"/>
      <c r="G208" s="107"/>
      <c r="H208" s="192" t="s">
        <v>123</v>
      </c>
      <c r="I208" s="193" t="s">
        <v>182</v>
      </c>
      <c r="J208" s="194" t="s">
        <v>183</v>
      </c>
      <c r="K208" s="195"/>
      <c r="L208" s="196"/>
      <c r="M208" s="197" t="s">
        <v>182</v>
      </c>
      <c r="N208" s="194" t="s">
        <v>187</v>
      </c>
      <c r="O208" s="197"/>
      <c r="P208" s="194"/>
      <c r="Q208" s="198"/>
      <c r="R208" s="198"/>
      <c r="S208" s="198"/>
      <c r="T208" s="198"/>
      <c r="U208" s="198"/>
      <c r="V208" s="198"/>
      <c r="W208" s="198"/>
      <c r="X208" s="199"/>
      <c r="Y208" s="99" t="s">
        <v>182</v>
      </c>
      <c r="Z208" s="191" t="s">
        <v>157</v>
      </c>
      <c r="AA208" s="190"/>
      <c r="AB208" s="110"/>
      <c r="AC208" s="99" t="s">
        <v>182</v>
      </c>
      <c r="AD208" s="191" t="s">
        <v>157</v>
      </c>
      <c r="AE208" s="190"/>
      <c r="AF208" s="110"/>
    </row>
    <row r="209" spans="1:33" ht="19.5" customHeight="1" x14ac:dyDescent="0.2">
      <c r="A209" s="104"/>
      <c r="B209" s="98"/>
      <c r="C209" s="105"/>
      <c r="D209" s="106"/>
      <c r="E209" s="100"/>
      <c r="F209" s="91"/>
      <c r="G209" s="107"/>
      <c r="H209" s="117" t="s">
        <v>186</v>
      </c>
      <c r="I209" s="118" t="s">
        <v>182</v>
      </c>
      <c r="J209" s="119" t="s">
        <v>183</v>
      </c>
      <c r="K209" s="120"/>
      <c r="L209" s="121"/>
      <c r="M209" s="122" t="s">
        <v>182</v>
      </c>
      <c r="N209" s="119" t="s">
        <v>187</v>
      </c>
      <c r="O209" s="122"/>
      <c r="P209" s="119"/>
      <c r="Q209" s="123"/>
      <c r="R209" s="123"/>
      <c r="S209" s="123"/>
      <c r="T209" s="123"/>
      <c r="U209" s="123"/>
      <c r="V209" s="123"/>
      <c r="W209" s="123"/>
      <c r="X209" s="124"/>
      <c r="Y209" s="99"/>
      <c r="Z209" s="191"/>
      <c r="AA209" s="190"/>
      <c r="AB209" s="110"/>
      <c r="AC209" s="99"/>
      <c r="AD209" s="191"/>
      <c r="AE209" s="190"/>
      <c r="AF209" s="110"/>
    </row>
    <row r="210" spans="1:33" ht="19.5" customHeight="1" x14ac:dyDescent="0.2">
      <c r="A210" s="104"/>
      <c r="B210" s="98"/>
      <c r="C210" s="166" t="s">
        <v>275</v>
      </c>
      <c r="D210" s="99" t="s">
        <v>182</v>
      </c>
      <c r="E210" s="100" t="s">
        <v>276</v>
      </c>
      <c r="F210" s="91"/>
      <c r="G210" s="107"/>
      <c r="H210" s="117" t="s">
        <v>197</v>
      </c>
      <c r="I210" s="118" t="s">
        <v>182</v>
      </c>
      <c r="J210" s="119" t="s">
        <v>183</v>
      </c>
      <c r="K210" s="120"/>
      <c r="L210" s="121"/>
      <c r="M210" s="122" t="s">
        <v>182</v>
      </c>
      <c r="N210" s="119" t="s">
        <v>187</v>
      </c>
      <c r="O210" s="122"/>
      <c r="P210" s="119"/>
      <c r="Q210" s="123"/>
      <c r="R210" s="123"/>
      <c r="S210" s="123"/>
      <c r="T210" s="123"/>
      <c r="U210" s="123"/>
      <c r="V210" s="123"/>
      <c r="W210" s="123"/>
      <c r="X210" s="124"/>
      <c r="Y210" s="99"/>
      <c r="Z210" s="191"/>
      <c r="AA210" s="190"/>
      <c r="AB210" s="110"/>
      <c r="AC210" s="99"/>
      <c r="AD210" s="191"/>
      <c r="AE210" s="190"/>
      <c r="AF210" s="110"/>
    </row>
    <row r="211" spans="1:33" ht="18.75" customHeight="1" x14ac:dyDescent="0.2">
      <c r="A211" s="99" t="s">
        <v>182</v>
      </c>
      <c r="B211" s="98">
        <v>79</v>
      </c>
      <c r="C211" s="166" t="s">
        <v>277</v>
      </c>
      <c r="D211" s="99" t="s">
        <v>182</v>
      </c>
      <c r="E211" s="100" t="s">
        <v>278</v>
      </c>
      <c r="F211" s="91"/>
      <c r="G211" s="182"/>
      <c r="H211" s="275" t="s">
        <v>204</v>
      </c>
      <c r="I211" s="277" t="s">
        <v>182</v>
      </c>
      <c r="J211" s="279" t="s">
        <v>158</v>
      </c>
      <c r="K211" s="279"/>
      <c r="L211" s="279"/>
      <c r="M211" s="277" t="s">
        <v>182</v>
      </c>
      <c r="N211" s="279" t="s">
        <v>159</v>
      </c>
      <c r="O211" s="279"/>
      <c r="P211" s="279"/>
      <c r="Q211" s="135"/>
      <c r="R211" s="135"/>
      <c r="S211" s="135"/>
      <c r="T211" s="135"/>
      <c r="U211" s="135"/>
      <c r="V211" s="135"/>
      <c r="W211" s="135"/>
      <c r="X211" s="136"/>
      <c r="Y211" s="116"/>
      <c r="Z211" s="190"/>
      <c r="AA211" s="190"/>
      <c r="AB211" s="110"/>
      <c r="AC211" s="116"/>
      <c r="AD211" s="190"/>
      <c r="AE211" s="190"/>
      <c r="AF211" s="110"/>
      <c r="AG211" s="219"/>
    </row>
    <row r="212" spans="1:33" ht="18.75" customHeight="1" x14ac:dyDescent="0.2">
      <c r="A212" s="104"/>
      <c r="B212" s="98"/>
      <c r="C212" s="166" t="s">
        <v>281</v>
      </c>
      <c r="D212" s="91"/>
      <c r="E212" s="100" t="s">
        <v>240</v>
      </c>
      <c r="F212" s="91"/>
      <c r="G212" s="182"/>
      <c r="H212" s="276"/>
      <c r="I212" s="278"/>
      <c r="J212" s="280"/>
      <c r="K212" s="280"/>
      <c r="L212" s="280"/>
      <c r="M212" s="278"/>
      <c r="N212" s="280"/>
      <c r="O212" s="280"/>
      <c r="P212" s="280"/>
      <c r="Q212" s="114"/>
      <c r="R212" s="114"/>
      <c r="S212" s="114"/>
      <c r="T212" s="114"/>
      <c r="U212" s="114"/>
      <c r="V212" s="114"/>
      <c r="W212" s="114"/>
      <c r="X212" s="115"/>
      <c r="Y212" s="116"/>
      <c r="Z212" s="190"/>
      <c r="AA212" s="190"/>
      <c r="AB212" s="110"/>
      <c r="AC212" s="116"/>
      <c r="AD212" s="190"/>
      <c r="AE212" s="190"/>
      <c r="AF212" s="110"/>
      <c r="AG212" s="219"/>
    </row>
    <row r="213" spans="1:33" ht="18.75" customHeight="1" x14ac:dyDescent="0.2">
      <c r="A213" s="99"/>
      <c r="B213" s="98"/>
      <c r="C213" s="166"/>
      <c r="D213" s="99"/>
      <c r="E213" s="100"/>
      <c r="F213" s="91"/>
      <c r="G213" s="182"/>
      <c r="H213" s="173" t="s">
        <v>195</v>
      </c>
      <c r="I213" s="118" t="s">
        <v>182</v>
      </c>
      <c r="J213" s="119" t="s">
        <v>153</v>
      </c>
      <c r="K213" s="119"/>
      <c r="L213" s="122" t="s">
        <v>182</v>
      </c>
      <c r="M213" s="119" t="s">
        <v>154</v>
      </c>
      <c r="N213" s="119"/>
      <c r="O213" s="122" t="s">
        <v>182</v>
      </c>
      <c r="P213" s="119" t="s">
        <v>155</v>
      </c>
      <c r="Q213" s="123"/>
      <c r="R213" s="123"/>
      <c r="S213" s="123"/>
      <c r="T213" s="123"/>
      <c r="U213" s="174"/>
      <c r="V213" s="174"/>
      <c r="W213" s="174"/>
      <c r="X213" s="175"/>
      <c r="Y213" s="116"/>
      <c r="Z213" s="190"/>
      <c r="AA213" s="190"/>
      <c r="AB213" s="110"/>
      <c r="AC213" s="116"/>
      <c r="AD213" s="190"/>
      <c r="AE213" s="190"/>
      <c r="AF213" s="110"/>
    </row>
    <row r="214" spans="1:33" ht="18.75" customHeight="1" x14ac:dyDescent="0.2">
      <c r="A214" s="104"/>
      <c r="B214" s="98"/>
      <c r="C214" s="166"/>
      <c r="D214" s="91"/>
      <c r="E214" s="100"/>
      <c r="F214" s="91"/>
      <c r="G214" s="182"/>
      <c r="H214" s="172" t="s">
        <v>101</v>
      </c>
      <c r="I214" s="118" t="s">
        <v>182</v>
      </c>
      <c r="J214" s="119" t="s">
        <v>153</v>
      </c>
      <c r="K214" s="119"/>
      <c r="L214" s="122" t="s">
        <v>182</v>
      </c>
      <c r="M214" s="119" t="s">
        <v>160</v>
      </c>
      <c r="N214" s="119"/>
      <c r="O214" s="122" t="s">
        <v>182</v>
      </c>
      <c r="P214" s="119" t="s">
        <v>161</v>
      </c>
      <c r="Q214" s="149"/>
      <c r="R214" s="122" t="s">
        <v>182</v>
      </c>
      <c r="S214" s="119" t="s">
        <v>170</v>
      </c>
      <c r="T214" s="149"/>
      <c r="U214" s="149"/>
      <c r="V214" s="149"/>
      <c r="W214" s="149"/>
      <c r="X214" s="150"/>
      <c r="Y214" s="116"/>
      <c r="Z214" s="190"/>
      <c r="AA214" s="190"/>
      <c r="AB214" s="110"/>
      <c r="AC214" s="116"/>
      <c r="AD214" s="190"/>
      <c r="AE214" s="190"/>
      <c r="AF214" s="110"/>
    </row>
    <row r="215" spans="1:33" ht="18.75" customHeight="1" x14ac:dyDescent="0.2">
      <c r="A215" s="137"/>
      <c r="B215" s="89"/>
      <c r="C215" s="138"/>
      <c r="D215" s="139"/>
      <c r="E215" s="140"/>
      <c r="F215" s="92"/>
      <c r="G215" s="141"/>
      <c r="H215" s="223" t="s">
        <v>201</v>
      </c>
      <c r="I215" s="208" t="s">
        <v>182</v>
      </c>
      <c r="J215" s="209" t="s">
        <v>153</v>
      </c>
      <c r="K215" s="209"/>
      <c r="L215" s="210" t="s">
        <v>182</v>
      </c>
      <c r="M215" s="209" t="s">
        <v>189</v>
      </c>
      <c r="N215" s="224"/>
      <c r="O215" s="210" t="s">
        <v>182</v>
      </c>
      <c r="P215" s="201" t="s">
        <v>190</v>
      </c>
      <c r="Q215" s="225"/>
      <c r="R215" s="210" t="s">
        <v>182</v>
      </c>
      <c r="S215" s="209" t="s">
        <v>191</v>
      </c>
      <c r="T215" s="225"/>
      <c r="U215" s="210" t="s">
        <v>182</v>
      </c>
      <c r="V215" s="209" t="s">
        <v>192</v>
      </c>
      <c r="W215" s="226"/>
      <c r="X215" s="227"/>
      <c r="Y215" s="142"/>
      <c r="Z215" s="142"/>
      <c r="AA215" s="142"/>
      <c r="AB215" s="143"/>
      <c r="AC215" s="144"/>
      <c r="AD215" s="142"/>
      <c r="AE215" s="142"/>
      <c r="AF215" s="143"/>
    </row>
    <row r="216" spans="1:33" ht="18.75" customHeight="1" x14ac:dyDescent="0.2">
      <c r="A216" s="41"/>
      <c r="B216" s="87"/>
      <c r="C216" s="162"/>
      <c r="D216" s="90"/>
      <c r="E216" s="97"/>
      <c r="F216" s="90"/>
      <c r="G216" s="102"/>
      <c r="H216" s="230" t="s">
        <v>87</v>
      </c>
      <c r="I216" s="156" t="s">
        <v>182</v>
      </c>
      <c r="J216" s="157" t="s">
        <v>153</v>
      </c>
      <c r="K216" s="157"/>
      <c r="L216" s="163"/>
      <c r="M216" s="159" t="s">
        <v>182</v>
      </c>
      <c r="N216" s="157" t="s">
        <v>168</v>
      </c>
      <c r="O216" s="157"/>
      <c r="P216" s="163"/>
      <c r="Q216" s="159" t="s">
        <v>182</v>
      </c>
      <c r="R216" s="164" t="s">
        <v>169</v>
      </c>
      <c r="S216" s="164"/>
      <c r="T216" s="164"/>
      <c r="U216" s="164"/>
      <c r="V216" s="164"/>
      <c r="W216" s="164"/>
      <c r="X216" s="165"/>
      <c r="Y216" s="145" t="s">
        <v>182</v>
      </c>
      <c r="Z216" s="22" t="s">
        <v>152</v>
      </c>
      <c r="AA216" s="22"/>
      <c r="AB216" s="103"/>
      <c r="AC216" s="145" t="s">
        <v>182</v>
      </c>
      <c r="AD216" s="22" t="s">
        <v>152</v>
      </c>
      <c r="AE216" s="22"/>
      <c r="AF216" s="103"/>
      <c r="AG216" s="219"/>
    </row>
    <row r="217" spans="1:33" ht="19.5" customHeight="1" x14ac:dyDescent="0.2">
      <c r="A217" s="104"/>
      <c r="B217" s="98"/>
      <c r="C217" s="105"/>
      <c r="D217" s="106"/>
      <c r="E217" s="100"/>
      <c r="F217" s="91"/>
      <c r="G217" s="107"/>
      <c r="H217" s="117" t="s">
        <v>186</v>
      </c>
      <c r="I217" s="118" t="s">
        <v>182</v>
      </c>
      <c r="J217" s="119" t="s">
        <v>183</v>
      </c>
      <c r="K217" s="120"/>
      <c r="L217" s="121"/>
      <c r="M217" s="122" t="s">
        <v>182</v>
      </c>
      <c r="N217" s="119" t="s">
        <v>187</v>
      </c>
      <c r="O217" s="122"/>
      <c r="P217" s="119"/>
      <c r="Q217" s="123"/>
      <c r="R217" s="123"/>
      <c r="S217" s="123"/>
      <c r="T217" s="123"/>
      <c r="U217" s="123"/>
      <c r="V217" s="123"/>
      <c r="W217" s="123"/>
      <c r="X217" s="124"/>
      <c r="Y217" s="99" t="s">
        <v>182</v>
      </c>
      <c r="Z217" s="191" t="s">
        <v>157</v>
      </c>
      <c r="AA217" s="190"/>
      <c r="AB217" s="110"/>
      <c r="AC217" s="99" t="s">
        <v>182</v>
      </c>
      <c r="AD217" s="191" t="s">
        <v>157</v>
      </c>
      <c r="AE217" s="190"/>
      <c r="AF217" s="110"/>
    </row>
    <row r="218" spans="1:33" ht="19.5" customHeight="1" x14ac:dyDescent="0.2">
      <c r="A218" s="104"/>
      <c r="B218" s="98"/>
      <c r="C218" s="105"/>
      <c r="D218" s="106"/>
      <c r="E218" s="100"/>
      <c r="F218" s="91"/>
      <c r="G218" s="107"/>
      <c r="H218" s="117" t="s">
        <v>197</v>
      </c>
      <c r="I218" s="118" t="s">
        <v>182</v>
      </c>
      <c r="J218" s="119" t="s">
        <v>183</v>
      </c>
      <c r="K218" s="120"/>
      <c r="L218" s="121"/>
      <c r="M218" s="122" t="s">
        <v>182</v>
      </c>
      <c r="N218" s="119" t="s">
        <v>187</v>
      </c>
      <c r="O218" s="122"/>
      <c r="P218" s="119"/>
      <c r="Q218" s="123"/>
      <c r="R218" s="123"/>
      <c r="S218" s="123"/>
      <c r="T218" s="123"/>
      <c r="U218" s="123"/>
      <c r="V218" s="123"/>
      <c r="W218" s="123"/>
      <c r="X218" s="124"/>
      <c r="Y218" s="99"/>
      <c r="Z218" s="191"/>
      <c r="AA218" s="190"/>
      <c r="AB218" s="110"/>
      <c r="AC218" s="99"/>
      <c r="AD218" s="191"/>
      <c r="AE218" s="190"/>
      <c r="AF218" s="110"/>
    </row>
    <row r="219" spans="1:33" ht="18.75" customHeight="1" x14ac:dyDescent="0.2">
      <c r="A219" s="104"/>
      <c r="B219" s="98"/>
      <c r="C219" s="166"/>
      <c r="D219" s="91"/>
      <c r="E219" s="100"/>
      <c r="F219" s="91"/>
      <c r="G219" s="182"/>
      <c r="H219" s="275" t="s">
        <v>136</v>
      </c>
      <c r="I219" s="285" t="s">
        <v>182</v>
      </c>
      <c r="J219" s="279" t="s">
        <v>153</v>
      </c>
      <c r="K219" s="279"/>
      <c r="L219" s="289" t="s">
        <v>182</v>
      </c>
      <c r="M219" s="279" t="s">
        <v>164</v>
      </c>
      <c r="N219" s="279"/>
      <c r="O219" s="131"/>
      <c r="P219" s="131"/>
      <c r="Q219" s="131"/>
      <c r="R219" s="131"/>
      <c r="S219" s="131"/>
      <c r="T219" s="131"/>
      <c r="U219" s="131"/>
      <c r="V219" s="131"/>
      <c r="W219" s="131"/>
      <c r="X219" s="152"/>
      <c r="Y219" s="116"/>
      <c r="Z219" s="190"/>
      <c r="AA219" s="190"/>
      <c r="AB219" s="110"/>
      <c r="AC219" s="116"/>
      <c r="AD219" s="190"/>
      <c r="AE219" s="190"/>
      <c r="AF219" s="110"/>
    </row>
    <row r="220" spans="1:33" ht="18.75" customHeight="1" x14ac:dyDescent="0.2">
      <c r="A220" s="104"/>
      <c r="B220" s="98"/>
      <c r="C220" s="166"/>
      <c r="D220" s="91"/>
      <c r="E220" s="100"/>
      <c r="F220" s="91"/>
      <c r="G220" s="182"/>
      <c r="H220" s="284"/>
      <c r="I220" s="286"/>
      <c r="J220" s="288"/>
      <c r="K220" s="288"/>
      <c r="L220" s="290"/>
      <c r="M220" s="288"/>
      <c r="N220" s="288"/>
      <c r="O220" s="188"/>
      <c r="P220" s="188"/>
      <c r="Q220" s="188"/>
      <c r="R220" s="188"/>
      <c r="S220" s="188"/>
      <c r="T220" s="188"/>
      <c r="U220" s="188"/>
      <c r="V220" s="188"/>
      <c r="W220" s="188"/>
      <c r="X220" s="153"/>
      <c r="Y220" s="116"/>
      <c r="Z220" s="190"/>
      <c r="AA220" s="190"/>
      <c r="AB220" s="110"/>
      <c r="AC220" s="116"/>
      <c r="AD220" s="190"/>
      <c r="AE220" s="190"/>
      <c r="AF220" s="110"/>
    </row>
    <row r="221" spans="1:33" ht="18.75" customHeight="1" x14ac:dyDescent="0.2">
      <c r="A221" s="104"/>
      <c r="B221" s="98"/>
      <c r="C221" s="166"/>
      <c r="D221" s="91"/>
      <c r="E221" s="100"/>
      <c r="F221" s="91"/>
      <c r="G221" s="182"/>
      <c r="H221" s="276"/>
      <c r="I221" s="287"/>
      <c r="J221" s="280"/>
      <c r="K221" s="280"/>
      <c r="L221" s="291"/>
      <c r="M221" s="280"/>
      <c r="N221" s="280"/>
      <c r="O221" s="113"/>
      <c r="P221" s="113"/>
      <c r="Q221" s="113"/>
      <c r="R221" s="113"/>
      <c r="S221" s="113"/>
      <c r="T221" s="113"/>
      <c r="U221" s="113"/>
      <c r="V221" s="113"/>
      <c r="W221" s="113"/>
      <c r="X221" s="167"/>
      <c r="Y221" s="116"/>
      <c r="Z221" s="190"/>
      <c r="AA221" s="190"/>
      <c r="AB221" s="110"/>
      <c r="AC221" s="116"/>
      <c r="AD221" s="190"/>
      <c r="AE221" s="190"/>
      <c r="AF221" s="110"/>
    </row>
    <row r="222" spans="1:33" ht="18.75" customHeight="1" x14ac:dyDescent="0.2">
      <c r="A222" s="99" t="s">
        <v>182</v>
      </c>
      <c r="B222" s="98">
        <v>74</v>
      </c>
      <c r="C222" s="166" t="s">
        <v>282</v>
      </c>
      <c r="D222" s="99" t="s">
        <v>182</v>
      </c>
      <c r="E222" s="100" t="s">
        <v>178</v>
      </c>
      <c r="F222" s="91"/>
      <c r="G222" s="182"/>
      <c r="H222" s="172" t="s">
        <v>88</v>
      </c>
      <c r="I222" s="118" t="s">
        <v>182</v>
      </c>
      <c r="J222" s="119" t="s">
        <v>162</v>
      </c>
      <c r="K222" s="120"/>
      <c r="L222" s="121"/>
      <c r="M222" s="122" t="s">
        <v>182</v>
      </c>
      <c r="N222" s="119" t="s">
        <v>163</v>
      </c>
      <c r="O222" s="123"/>
      <c r="P222" s="123"/>
      <c r="Q222" s="123"/>
      <c r="R222" s="123"/>
      <c r="S222" s="123"/>
      <c r="T222" s="123"/>
      <c r="U222" s="123"/>
      <c r="V222" s="123"/>
      <c r="W222" s="123"/>
      <c r="X222" s="124"/>
      <c r="Y222" s="116"/>
      <c r="Z222" s="190"/>
      <c r="AA222" s="190"/>
      <c r="AB222" s="110"/>
      <c r="AC222" s="116"/>
      <c r="AD222" s="190"/>
      <c r="AE222" s="190"/>
      <c r="AF222" s="110"/>
    </row>
    <row r="223" spans="1:33" ht="18.75" customHeight="1" x14ac:dyDescent="0.2">
      <c r="A223" s="104"/>
      <c r="B223" s="98"/>
      <c r="C223" s="166" t="s">
        <v>4</v>
      </c>
      <c r="D223" s="99" t="s">
        <v>182</v>
      </c>
      <c r="E223" s="100" t="s">
        <v>232</v>
      </c>
      <c r="F223" s="91"/>
      <c r="G223" s="182"/>
      <c r="H223" s="125" t="s">
        <v>139</v>
      </c>
      <c r="I223" s="148" t="s">
        <v>182</v>
      </c>
      <c r="J223" s="119" t="s">
        <v>153</v>
      </c>
      <c r="K223" s="119"/>
      <c r="L223" s="122" t="s">
        <v>182</v>
      </c>
      <c r="M223" s="119" t="s">
        <v>154</v>
      </c>
      <c r="N223" s="119"/>
      <c r="O223" s="151" t="s">
        <v>182</v>
      </c>
      <c r="P223" s="119" t="s">
        <v>155</v>
      </c>
      <c r="Q223" s="149"/>
      <c r="R223" s="149"/>
      <c r="S223" s="149"/>
      <c r="T223" s="149"/>
      <c r="U223" s="149"/>
      <c r="V223" s="149"/>
      <c r="W223" s="149"/>
      <c r="X223" s="150"/>
      <c r="Y223" s="116"/>
      <c r="Z223" s="190"/>
      <c r="AA223" s="190"/>
      <c r="AB223" s="110"/>
      <c r="AC223" s="116"/>
      <c r="AD223" s="190"/>
      <c r="AE223" s="190"/>
      <c r="AF223" s="110"/>
    </row>
    <row r="224" spans="1:33" ht="18.75" customHeight="1" x14ac:dyDescent="0.2">
      <c r="A224" s="104"/>
      <c r="B224" s="98"/>
      <c r="C224" s="166"/>
      <c r="D224" s="99" t="s">
        <v>182</v>
      </c>
      <c r="E224" s="100" t="s">
        <v>233</v>
      </c>
      <c r="F224" s="91"/>
      <c r="G224" s="182"/>
      <c r="H224" s="125" t="s">
        <v>122</v>
      </c>
      <c r="I224" s="118" t="s">
        <v>182</v>
      </c>
      <c r="J224" s="119" t="s">
        <v>153</v>
      </c>
      <c r="K224" s="119"/>
      <c r="L224" s="122" t="s">
        <v>182</v>
      </c>
      <c r="M224" s="119" t="s">
        <v>165</v>
      </c>
      <c r="N224" s="119"/>
      <c r="O224" s="122" t="s">
        <v>182</v>
      </c>
      <c r="P224" s="119" t="s">
        <v>166</v>
      </c>
      <c r="Q224" s="149"/>
      <c r="R224" s="149"/>
      <c r="S224" s="149"/>
      <c r="T224" s="149"/>
      <c r="U224" s="149"/>
      <c r="V224" s="149"/>
      <c r="W224" s="149"/>
      <c r="X224" s="150"/>
      <c r="Y224" s="116"/>
      <c r="Z224" s="190"/>
      <c r="AA224" s="190"/>
      <c r="AB224" s="110"/>
      <c r="AC224" s="116"/>
      <c r="AD224" s="190"/>
      <c r="AE224" s="190"/>
      <c r="AF224" s="110"/>
    </row>
    <row r="225" spans="1:33" ht="18.75" customHeight="1" x14ac:dyDescent="0.2">
      <c r="A225" s="99"/>
      <c r="B225" s="98"/>
      <c r="C225" s="166"/>
      <c r="D225" s="99"/>
      <c r="E225" s="100"/>
      <c r="F225" s="91"/>
      <c r="G225" s="182"/>
      <c r="H225" s="125" t="s">
        <v>141</v>
      </c>
      <c r="I225" s="118" t="s">
        <v>182</v>
      </c>
      <c r="J225" s="119" t="s">
        <v>153</v>
      </c>
      <c r="K225" s="120"/>
      <c r="L225" s="122" t="s">
        <v>182</v>
      </c>
      <c r="M225" s="119" t="s">
        <v>164</v>
      </c>
      <c r="N225" s="149"/>
      <c r="O225" s="149"/>
      <c r="P225" s="149"/>
      <c r="Q225" s="149"/>
      <c r="R225" s="149"/>
      <c r="S225" s="149"/>
      <c r="T225" s="149"/>
      <c r="U225" s="149"/>
      <c r="V225" s="149"/>
      <c r="W225" s="149"/>
      <c r="X225" s="150"/>
      <c r="Y225" s="116"/>
      <c r="Z225" s="190"/>
      <c r="AA225" s="190"/>
      <c r="AB225" s="110"/>
      <c r="AC225" s="116"/>
      <c r="AD225" s="190"/>
      <c r="AE225" s="190"/>
      <c r="AF225" s="110"/>
    </row>
    <row r="226" spans="1:33" ht="18.75" customHeight="1" x14ac:dyDescent="0.2">
      <c r="A226" s="104"/>
      <c r="B226" s="98"/>
      <c r="C226" s="166"/>
      <c r="D226" s="99"/>
      <c r="E226" s="100"/>
      <c r="F226" s="91"/>
      <c r="G226" s="182"/>
      <c r="H226" s="172" t="s">
        <v>206</v>
      </c>
      <c r="I226" s="118" t="s">
        <v>182</v>
      </c>
      <c r="J226" s="119" t="s">
        <v>153</v>
      </c>
      <c r="K226" s="120"/>
      <c r="L226" s="122" t="s">
        <v>182</v>
      </c>
      <c r="M226" s="119" t="s">
        <v>164</v>
      </c>
      <c r="N226" s="149"/>
      <c r="O226" s="149"/>
      <c r="P226" s="149"/>
      <c r="Q226" s="149"/>
      <c r="R226" s="149"/>
      <c r="S226" s="149"/>
      <c r="T226" s="149"/>
      <c r="U226" s="149"/>
      <c r="V226" s="149"/>
      <c r="W226" s="149"/>
      <c r="X226" s="150"/>
      <c r="Y226" s="116"/>
      <c r="Z226" s="190"/>
      <c r="AA226" s="190"/>
      <c r="AB226" s="110"/>
      <c r="AC226" s="116"/>
      <c r="AD226" s="190"/>
      <c r="AE226" s="190"/>
      <c r="AF226" s="110"/>
    </row>
    <row r="227" spans="1:33" ht="18.75" customHeight="1" x14ac:dyDescent="0.2">
      <c r="A227" s="104"/>
      <c r="B227" s="98"/>
      <c r="C227" s="166"/>
      <c r="D227" s="99"/>
      <c r="E227" s="100"/>
      <c r="F227" s="91"/>
      <c r="G227" s="182"/>
      <c r="H227" s="191" t="s">
        <v>142</v>
      </c>
      <c r="I227" s="118" t="s">
        <v>182</v>
      </c>
      <c r="J227" s="119" t="s">
        <v>153</v>
      </c>
      <c r="K227" s="120"/>
      <c r="L227" s="122" t="s">
        <v>182</v>
      </c>
      <c r="M227" s="119" t="s">
        <v>164</v>
      </c>
      <c r="N227" s="149"/>
      <c r="O227" s="149"/>
      <c r="P227" s="149"/>
      <c r="Q227" s="149"/>
      <c r="R227" s="149"/>
      <c r="S227" s="149"/>
      <c r="T227" s="149"/>
      <c r="U227" s="149"/>
      <c r="V227" s="149"/>
      <c r="W227" s="149"/>
      <c r="X227" s="150"/>
      <c r="Y227" s="116"/>
      <c r="Z227" s="190"/>
      <c r="AA227" s="190"/>
      <c r="AB227" s="110"/>
      <c r="AC227" s="116"/>
      <c r="AD227" s="190"/>
      <c r="AE227" s="190"/>
      <c r="AF227" s="110"/>
    </row>
    <row r="228" spans="1:33" ht="18.75" customHeight="1" x14ac:dyDescent="0.2">
      <c r="A228" s="104"/>
      <c r="B228" s="98"/>
      <c r="C228" s="166"/>
      <c r="D228" s="91"/>
      <c r="E228" s="100"/>
      <c r="F228" s="91"/>
      <c r="G228" s="182"/>
      <c r="H228" s="125" t="s">
        <v>134</v>
      </c>
      <c r="I228" s="118" t="s">
        <v>182</v>
      </c>
      <c r="J228" s="119" t="s">
        <v>153</v>
      </c>
      <c r="K228" s="120"/>
      <c r="L228" s="122" t="s">
        <v>182</v>
      </c>
      <c r="M228" s="119" t="s">
        <v>164</v>
      </c>
      <c r="N228" s="149"/>
      <c r="O228" s="149"/>
      <c r="P228" s="149"/>
      <c r="Q228" s="149"/>
      <c r="R228" s="149"/>
      <c r="S228" s="149"/>
      <c r="T228" s="149"/>
      <c r="U228" s="149"/>
      <c r="V228" s="149"/>
      <c r="W228" s="149"/>
      <c r="X228" s="150"/>
      <c r="Y228" s="116"/>
      <c r="Z228" s="190"/>
      <c r="AA228" s="190"/>
      <c r="AB228" s="110"/>
      <c r="AC228" s="116"/>
      <c r="AD228" s="190"/>
      <c r="AE228" s="190"/>
      <c r="AF228" s="110"/>
    </row>
    <row r="229" spans="1:33" ht="18.75" customHeight="1" x14ac:dyDescent="0.2">
      <c r="A229" s="104"/>
      <c r="B229" s="98"/>
      <c r="C229" s="166"/>
      <c r="D229" s="91"/>
      <c r="E229" s="100"/>
      <c r="F229" s="91"/>
      <c r="G229" s="182"/>
      <c r="H229" s="125" t="s">
        <v>128</v>
      </c>
      <c r="I229" s="118" t="s">
        <v>182</v>
      </c>
      <c r="J229" s="119" t="s">
        <v>153</v>
      </c>
      <c r="K229" s="120"/>
      <c r="L229" s="122" t="s">
        <v>182</v>
      </c>
      <c r="M229" s="119" t="s">
        <v>164</v>
      </c>
      <c r="N229" s="149"/>
      <c r="O229" s="149"/>
      <c r="P229" s="149"/>
      <c r="Q229" s="149"/>
      <c r="R229" s="149"/>
      <c r="S229" s="149"/>
      <c r="T229" s="149"/>
      <c r="U229" s="149"/>
      <c r="V229" s="149"/>
      <c r="W229" s="149"/>
      <c r="X229" s="150"/>
      <c r="Y229" s="116"/>
      <c r="Z229" s="190"/>
      <c r="AA229" s="190"/>
      <c r="AB229" s="110"/>
      <c r="AC229" s="116"/>
      <c r="AD229" s="190"/>
      <c r="AE229" s="190"/>
      <c r="AF229" s="110"/>
    </row>
    <row r="230" spans="1:33" ht="18.75" customHeight="1" x14ac:dyDescent="0.2">
      <c r="A230" s="104"/>
      <c r="B230" s="98"/>
      <c r="C230" s="166"/>
      <c r="D230" s="91"/>
      <c r="E230" s="100"/>
      <c r="F230" s="91"/>
      <c r="G230" s="182"/>
      <c r="H230" s="172" t="s">
        <v>101</v>
      </c>
      <c r="I230" s="118" t="s">
        <v>182</v>
      </c>
      <c r="J230" s="119" t="s">
        <v>153</v>
      </c>
      <c r="K230" s="119"/>
      <c r="L230" s="122" t="s">
        <v>182</v>
      </c>
      <c r="M230" s="119" t="s">
        <v>173</v>
      </c>
      <c r="N230" s="119"/>
      <c r="O230" s="122" t="s">
        <v>182</v>
      </c>
      <c r="P230" s="119" t="s">
        <v>167</v>
      </c>
      <c r="Q230" s="149"/>
      <c r="R230" s="122" t="s">
        <v>182</v>
      </c>
      <c r="S230" s="119" t="s">
        <v>174</v>
      </c>
      <c r="T230" s="149"/>
      <c r="U230" s="149"/>
      <c r="V230" s="149"/>
      <c r="W230" s="149"/>
      <c r="X230" s="150"/>
      <c r="Y230" s="116"/>
      <c r="Z230" s="190"/>
      <c r="AA230" s="190"/>
      <c r="AB230" s="110"/>
      <c r="AC230" s="116"/>
      <c r="AD230" s="190"/>
      <c r="AE230" s="190"/>
      <c r="AF230" s="110"/>
    </row>
    <row r="231" spans="1:33" ht="18.75" customHeight="1" x14ac:dyDescent="0.2">
      <c r="A231" s="137"/>
      <c r="B231" s="89"/>
      <c r="C231" s="138"/>
      <c r="D231" s="139"/>
      <c r="E231" s="140"/>
      <c r="F231" s="92"/>
      <c r="G231" s="141"/>
      <c r="H231" s="223" t="s">
        <v>201</v>
      </c>
      <c r="I231" s="208" t="s">
        <v>182</v>
      </c>
      <c r="J231" s="209" t="s">
        <v>153</v>
      </c>
      <c r="K231" s="209"/>
      <c r="L231" s="210" t="s">
        <v>182</v>
      </c>
      <c r="M231" s="209" t="s">
        <v>189</v>
      </c>
      <c r="N231" s="224"/>
      <c r="O231" s="210" t="s">
        <v>182</v>
      </c>
      <c r="P231" s="201" t="s">
        <v>190</v>
      </c>
      <c r="Q231" s="225"/>
      <c r="R231" s="210" t="s">
        <v>182</v>
      </c>
      <c r="S231" s="209" t="s">
        <v>191</v>
      </c>
      <c r="T231" s="225"/>
      <c r="U231" s="210" t="s">
        <v>182</v>
      </c>
      <c r="V231" s="209" t="s">
        <v>192</v>
      </c>
      <c r="W231" s="226"/>
      <c r="X231" s="227"/>
      <c r="Y231" s="142"/>
      <c r="Z231" s="142"/>
      <c r="AA231" s="142"/>
      <c r="AB231" s="143"/>
      <c r="AC231" s="144"/>
      <c r="AD231" s="142"/>
      <c r="AE231" s="142"/>
      <c r="AF231" s="143"/>
    </row>
    <row r="232" spans="1:33" ht="18.75" customHeight="1" x14ac:dyDescent="0.2">
      <c r="A232" s="41"/>
      <c r="B232" s="87"/>
      <c r="C232" s="162"/>
      <c r="D232" s="90"/>
      <c r="E232" s="97"/>
      <c r="F232" s="90"/>
      <c r="G232" s="102"/>
      <c r="H232" s="230" t="s">
        <v>235</v>
      </c>
      <c r="I232" s="156" t="s">
        <v>182</v>
      </c>
      <c r="J232" s="157" t="s">
        <v>153</v>
      </c>
      <c r="K232" s="157"/>
      <c r="L232" s="163"/>
      <c r="M232" s="159" t="s">
        <v>182</v>
      </c>
      <c r="N232" s="157" t="s">
        <v>168</v>
      </c>
      <c r="O232" s="157"/>
      <c r="P232" s="163"/>
      <c r="Q232" s="159" t="s">
        <v>182</v>
      </c>
      <c r="R232" s="164" t="s">
        <v>169</v>
      </c>
      <c r="S232" s="164"/>
      <c r="T232" s="164"/>
      <c r="U232" s="164"/>
      <c r="V232" s="164"/>
      <c r="W232" s="164"/>
      <c r="X232" s="165"/>
      <c r="Y232" s="145" t="s">
        <v>182</v>
      </c>
      <c r="Z232" s="22" t="s">
        <v>152</v>
      </c>
      <c r="AA232" s="22"/>
      <c r="AB232" s="103"/>
      <c r="AC232" s="145" t="s">
        <v>182</v>
      </c>
      <c r="AD232" s="22" t="s">
        <v>152</v>
      </c>
      <c r="AE232" s="22"/>
      <c r="AF232" s="103"/>
      <c r="AG232" s="219"/>
    </row>
    <row r="233" spans="1:33" ht="19.5" customHeight="1" x14ac:dyDescent="0.2">
      <c r="A233" s="104"/>
      <c r="B233" s="98"/>
      <c r="C233" s="105"/>
      <c r="D233" s="106"/>
      <c r="E233" s="100"/>
      <c r="F233" s="91"/>
      <c r="G233" s="107"/>
      <c r="H233" s="192" t="s">
        <v>123</v>
      </c>
      <c r="I233" s="193" t="s">
        <v>182</v>
      </c>
      <c r="J233" s="194" t="s">
        <v>183</v>
      </c>
      <c r="K233" s="195"/>
      <c r="L233" s="196"/>
      <c r="M233" s="197" t="s">
        <v>182</v>
      </c>
      <c r="N233" s="194" t="s">
        <v>187</v>
      </c>
      <c r="O233" s="197"/>
      <c r="P233" s="194"/>
      <c r="Q233" s="198"/>
      <c r="R233" s="198"/>
      <c r="S233" s="198"/>
      <c r="T233" s="198"/>
      <c r="U233" s="198"/>
      <c r="V233" s="198"/>
      <c r="W233" s="198"/>
      <c r="X233" s="199"/>
      <c r="Y233" s="99" t="s">
        <v>182</v>
      </c>
      <c r="Z233" s="191" t="s">
        <v>157</v>
      </c>
      <c r="AA233" s="190"/>
      <c r="AB233" s="110"/>
      <c r="AC233" s="99" t="s">
        <v>182</v>
      </c>
      <c r="AD233" s="191" t="s">
        <v>157</v>
      </c>
      <c r="AE233" s="190"/>
      <c r="AF233" s="110"/>
    </row>
    <row r="234" spans="1:33" ht="19.5" customHeight="1" x14ac:dyDescent="0.2">
      <c r="A234" s="104"/>
      <c r="B234" s="98"/>
      <c r="C234" s="105"/>
      <c r="D234" s="91"/>
      <c r="E234" s="100"/>
      <c r="F234" s="91"/>
      <c r="G234" s="107"/>
      <c r="H234" s="192" t="s">
        <v>186</v>
      </c>
      <c r="I234" s="193" t="s">
        <v>182</v>
      </c>
      <c r="J234" s="194" t="s">
        <v>183</v>
      </c>
      <c r="K234" s="195"/>
      <c r="L234" s="196"/>
      <c r="M234" s="197" t="s">
        <v>182</v>
      </c>
      <c r="N234" s="194" t="s">
        <v>187</v>
      </c>
      <c r="O234" s="197"/>
      <c r="P234" s="194"/>
      <c r="Q234" s="198"/>
      <c r="R234" s="198"/>
      <c r="S234" s="198"/>
      <c r="T234" s="198"/>
      <c r="U234" s="198"/>
      <c r="V234" s="198"/>
      <c r="W234" s="198"/>
      <c r="X234" s="199"/>
      <c r="Y234" s="99"/>
      <c r="Z234" s="191"/>
      <c r="AA234" s="190"/>
      <c r="AB234" s="110"/>
      <c r="AC234" s="99"/>
      <c r="AD234" s="191"/>
      <c r="AE234" s="190"/>
      <c r="AF234" s="110"/>
    </row>
    <row r="235" spans="1:33" ht="19.5" customHeight="1" x14ac:dyDescent="0.2">
      <c r="A235" s="104"/>
      <c r="B235" s="98"/>
      <c r="C235" s="105"/>
      <c r="D235" s="91"/>
      <c r="E235" s="100"/>
      <c r="F235" s="91"/>
      <c r="G235" s="107"/>
      <c r="H235" s="192" t="s">
        <v>197</v>
      </c>
      <c r="I235" s="193" t="s">
        <v>182</v>
      </c>
      <c r="J235" s="194" t="s">
        <v>183</v>
      </c>
      <c r="K235" s="195"/>
      <c r="L235" s="196"/>
      <c r="M235" s="197" t="s">
        <v>182</v>
      </c>
      <c r="N235" s="194" t="s">
        <v>187</v>
      </c>
      <c r="O235" s="197"/>
      <c r="P235" s="194"/>
      <c r="Q235" s="198"/>
      <c r="R235" s="198"/>
      <c r="S235" s="198"/>
      <c r="T235" s="198"/>
      <c r="U235" s="198"/>
      <c r="V235" s="198"/>
      <c r="W235" s="198"/>
      <c r="X235" s="199"/>
      <c r="Y235" s="99"/>
      <c r="Z235" s="191"/>
      <c r="AA235" s="190"/>
      <c r="AB235" s="110"/>
      <c r="AC235" s="99"/>
      <c r="AD235" s="191"/>
      <c r="AE235" s="190"/>
      <c r="AF235" s="110"/>
    </row>
    <row r="236" spans="1:33" ht="18.75" customHeight="1" x14ac:dyDescent="0.2">
      <c r="A236" s="104"/>
      <c r="B236" s="98"/>
      <c r="C236" s="166"/>
      <c r="D236" s="91"/>
      <c r="E236" s="100"/>
      <c r="F236" s="91"/>
      <c r="G236" s="182"/>
      <c r="H236" s="235" t="s">
        <v>112</v>
      </c>
      <c r="I236" s="193" t="s">
        <v>182</v>
      </c>
      <c r="J236" s="194" t="s">
        <v>153</v>
      </c>
      <c r="K236" s="195"/>
      <c r="L236" s="197" t="s">
        <v>182</v>
      </c>
      <c r="M236" s="194" t="s">
        <v>164</v>
      </c>
      <c r="N236" s="216"/>
      <c r="O236" s="216"/>
      <c r="P236" s="216"/>
      <c r="Q236" s="216"/>
      <c r="R236" s="216"/>
      <c r="S236" s="216"/>
      <c r="T236" s="216"/>
      <c r="U236" s="216"/>
      <c r="V236" s="216"/>
      <c r="W236" s="216"/>
      <c r="X236" s="211"/>
      <c r="Y236" s="116"/>
      <c r="Z236" s="190"/>
      <c r="AA236" s="190"/>
      <c r="AB236" s="110"/>
      <c r="AC236" s="116"/>
      <c r="AD236" s="190"/>
      <c r="AE236" s="190"/>
      <c r="AF236" s="110"/>
      <c r="AG236" s="219"/>
    </row>
    <row r="237" spans="1:33" ht="18.75" customHeight="1" x14ac:dyDescent="0.2">
      <c r="A237" s="99" t="s">
        <v>182</v>
      </c>
      <c r="B237" s="98">
        <v>75</v>
      </c>
      <c r="C237" s="166" t="s">
        <v>283</v>
      </c>
      <c r="D237" s="99" t="s">
        <v>182</v>
      </c>
      <c r="E237" s="100" t="s">
        <v>284</v>
      </c>
      <c r="F237" s="91"/>
      <c r="G237" s="182"/>
      <c r="H237" s="275" t="s">
        <v>204</v>
      </c>
      <c r="I237" s="277" t="s">
        <v>182</v>
      </c>
      <c r="J237" s="279" t="s">
        <v>158</v>
      </c>
      <c r="K237" s="279"/>
      <c r="L237" s="279"/>
      <c r="M237" s="277" t="s">
        <v>182</v>
      </c>
      <c r="N237" s="279" t="s">
        <v>159</v>
      </c>
      <c r="O237" s="279"/>
      <c r="P237" s="279"/>
      <c r="Q237" s="135"/>
      <c r="R237" s="135"/>
      <c r="S237" s="135"/>
      <c r="T237" s="135"/>
      <c r="U237" s="135"/>
      <c r="V237" s="135"/>
      <c r="W237" s="135"/>
      <c r="X237" s="136"/>
      <c r="Y237" s="116"/>
      <c r="Z237" s="190"/>
      <c r="AA237" s="190"/>
      <c r="AB237" s="110"/>
      <c r="AC237" s="116"/>
      <c r="AD237" s="190"/>
      <c r="AE237" s="190"/>
      <c r="AF237" s="110"/>
      <c r="AG237" s="219"/>
    </row>
    <row r="238" spans="1:33" ht="18.75" customHeight="1" x14ac:dyDescent="0.2">
      <c r="A238" s="104"/>
      <c r="B238" s="98"/>
      <c r="C238" s="166" t="s">
        <v>285</v>
      </c>
      <c r="D238" s="99" t="s">
        <v>182</v>
      </c>
      <c r="E238" s="100" t="s">
        <v>286</v>
      </c>
      <c r="F238" s="91"/>
      <c r="G238" s="182"/>
      <c r="H238" s="276"/>
      <c r="I238" s="278"/>
      <c r="J238" s="280"/>
      <c r="K238" s="280"/>
      <c r="L238" s="280"/>
      <c r="M238" s="278"/>
      <c r="N238" s="280"/>
      <c r="O238" s="280"/>
      <c r="P238" s="280"/>
      <c r="Q238" s="114"/>
      <c r="R238" s="114"/>
      <c r="S238" s="114"/>
      <c r="T238" s="114"/>
      <c r="U238" s="114"/>
      <c r="V238" s="114"/>
      <c r="W238" s="114"/>
      <c r="X238" s="115"/>
      <c r="Y238" s="116"/>
      <c r="Z238" s="190"/>
      <c r="AA238" s="190"/>
      <c r="AB238" s="110"/>
      <c r="AC238" s="116"/>
      <c r="AD238" s="190"/>
      <c r="AE238" s="190"/>
      <c r="AF238" s="110"/>
      <c r="AG238" s="219"/>
    </row>
    <row r="239" spans="1:33" ht="18.75" customHeight="1" x14ac:dyDescent="0.2">
      <c r="A239" s="104"/>
      <c r="B239" s="98"/>
      <c r="C239" s="105"/>
      <c r="D239" s="106"/>
      <c r="E239" s="100" t="s">
        <v>240</v>
      </c>
      <c r="F239" s="91"/>
      <c r="G239" s="182"/>
      <c r="H239" s="172" t="s">
        <v>239</v>
      </c>
      <c r="I239" s="118" t="s">
        <v>182</v>
      </c>
      <c r="J239" s="119" t="s">
        <v>153</v>
      </c>
      <c r="K239" s="120"/>
      <c r="L239" s="122" t="s">
        <v>182</v>
      </c>
      <c r="M239" s="119" t="s">
        <v>164</v>
      </c>
      <c r="N239" s="149"/>
      <c r="O239" s="149"/>
      <c r="P239" s="149"/>
      <c r="Q239" s="149"/>
      <c r="R239" s="149"/>
      <c r="S239" s="149"/>
      <c r="T239" s="149"/>
      <c r="U239" s="149"/>
      <c r="V239" s="149"/>
      <c r="W239" s="149"/>
      <c r="X239" s="150"/>
      <c r="Y239" s="116"/>
      <c r="Z239" s="190"/>
      <c r="AA239" s="190"/>
      <c r="AB239" s="110"/>
      <c r="AC239" s="116"/>
      <c r="AD239" s="190"/>
      <c r="AE239" s="190"/>
      <c r="AF239" s="110"/>
    </row>
    <row r="240" spans="1:33" ht="18.75" customHeight="1" x14ac:dyDescent="0.2">
      <c r="A240" s="104"/>
      <c r="B240" s="98"/>
      <c r="C240" s="166"/>
      <c r="D240" s="99"/>
      <c r="E240" s="100"/>
      <c r="F240" s="91"/>
      <c r="G240" s="182"/>
      <c r="H240" s="172" t="s">
        <v>217</v>
      </c>
      <c r="I240" s="118" t="s">
        <v>182</v>
      </c>
      <c r="J240" s="119" t="s">
        <v>153</v>
      </c>
      <c r="K240" s="120"/>
      <c r="L240" s="122" t="s">
        <v>182</v>
      </c>
      <c r="M240" s="119" t="s">
        <v>165</v>
      </c>
      <c r="N240" s="119"/>
      <c r="O240" s="151" t="s">
        <v>182</v>
      </c>
      <c r="P240" s="128" t="s">
        <v>166</v>
      </c>
      <c r="Q240" s="119"/>
      <c r="R240" s="119"/>
      <c r="S240" s="120"/>
      <c r="T240" s="119"/>
      <c r="U240" s="120"/>
      <c r="V240" s="120"/>
      <c r="W240" s="120"/>
      <c r="X240" s="127"/>
      <c r="Y240" s="116"/>
      <c r="Z240" s="190"/>
      <c r="AA240" s="190"/>
      <c r="AB240" s="110"/>
      <c r="AC240" s="116"/>
      <c r="AD240" s="190"/>
      <c r="AE240" s="190"/>
      <c r="AF240" s="110"/>
    </row>
    <row r="241" spans="1:33" ht="18.75" customHeight="1" x14ac:dyDescent="0.2">
      <c r="A241" s="104"/>
      <c r="B241" s="98"/>
      <c r="C241" s="105"/>
      <c r="D241" s="106"/>
      <c r="E241" s="100"/>
      <c r="F241" s="91"/>
      <c r="G241" s="182"/>
      <c r="H241" s="125" t="s">
        <v>128</v>
      </c>
      <c r="I241" s="118" t="s">
        <v>182</v>
      </c>
      <c r="J241" s="119" t="s">
        <v>153</v>
      </c>
      <c r="K241" s="120"/>
      <c r="L241" s="122" t="s">
        <v>182</v>
      </c>
      <c r="M241" s="119" t="s">
        <v>164</v>
      </c>
      <c r="N241" s="149"/>
      <c r="O241" s="149"/>
      <c r="P241" s="149"/>
      <c r="Q241" s="149"/>
      <c r="R241" s="149"/>
      <c r="S241" s="149"/>
      <c r="T241" s="149"/>
      <c r="U241" s="149"/>
      <c r="V241" s="149"/>
      <c r="W241" s="149"/>
      <c r="X241" s="150"/>
      <c r="Y241" s="116"/>
      <c r="Z241" s="190"/>
      <c r="AA241" s="190"/>
      <c r="AB241" s="110"/>
      <c r="AC241" s="116"/>
      <c r="AD241" s="190"/>
      <c r="AE241" s="190"/>
      <c r="AF241" s="110"/>
    </row>
    <row r="242" spans="1:33" ht="18.75" customHeight="1" x14ac:dyDescent="0.2">
      <c r="A242" s="106"/>
      <c r="B242" s="153"/>
      <c r="C242" s="215"/>
      <c r="D242" s="188"/>
      <c r="E242" s="188"/>
      <c r="F242" s="91"/>
      <c r="G242" s="182"/>
      <c r="H242" s="173" t="s">
        <v>195</v>
      </c>
      <c r="I242" s="118" t="s">
        <v>182</v>
      </c>
      <c r="J242" s="119" t="s">
        <v>153</v>
      </c>
      <c r="K242" s="119"/>
      <c r="L242" s="122" t="s">
        <v>182</v>
      </c>
      <c r="M242" s="119" t="s">
        <v>154</v>
      </c>
      <c r="N242" s="119"/>
      <c r="O242" s="122" t="s">
        <v>182</v>
      </c>
      <c r="P242" s="119" t="s">
        <v>155</v>
      </c>
      <c r="Q242" s="123"/>
      <c r="R242" s="123"/>
      <c r="S242" s="123"/>
      <c r="T242" s="123"/>
      <c r="U242" s="174"/>
      <c r="V242" s="174"/>
      <c r="W242" s="174"/>
      <c r="X242" s="175"/>
      <c r="Y242" s="116"/>
      <c r="Z242" s="190"/>
      <c r="AA242" s="190"/>
      <c r="AB242" s="110"/>
      <c r="AC242" s="116"/>
      <c r="AD242" s="190"/>
      <c r="AE242" s="190"/>
      <c r="AF242" s="110"/>
    </row>
    <row r="243" spans="1:33" ht="18.75" customHeight="1" x14ac:dyDescent="0.2">
      <c r="A243" s="106"/>
      <c r="B243" s="153"/>
      <c r="C243" s="215"/>
      <c r="D243" s="188"/>
      <c r="E243" s="188"/>
      <c r="F243" s="91"/>
      <c r="G243" s="182"/>
      <c r="H243" s="172" t="s">
        <v>101</v>
      </c>
      <c r="I243" s="118" t="s">
        <v>182</v>
      </c>
      <c r="J243" s="119" t="s">
        <v>153</v>
      </c>
      <c r="K243" s="119"/>
      <c r="L243" s="122" t="s">
        <v>182</v>
      </c>
      <c r="M243" s="119" t="s">
        <v>160</v>
      </c>
      <c r="N243" s="119"/>
      <c r="O243" s="122" t="s">
        <v>182</v>
      </c>
      <c r="P243" s="119" t="s">
        <v>161</v>
      </c>
      <c r="Q243" s="149"/>
      <c r="R243" s="122" t="s">
        <v>182</v>
      </c>
      <c r="S243" s="119" t="s">
        <v>170</v>
      </c>
      <c r="T243" s="149"/>
      <c r="U243" s="149"/>
      <c r="V243" s="149"/>
      <c r="W243" s="149"/>
      <c r="X243" s="150"/>
      <c r="Y243" s="116"/>
      <c r="Z243" s="190"/>
      <c r="AA243" s="190"/>
      <c r="AB243" s="110"/>
      <c r="AC243" s="116"/>
      <c r="AD243" s="190"/>
      <c r="AE243" s="190"/>
      <c r="AF243" s="110"/>
    </row>
    <row r="244" spans="1:33" ht="18.75" customHeight="1" x14ac:dyDescent="0.2">
      <c r="A244" s="137"/>
      <c r="B244" s="89"/>
      <c r="C244" s="138"/>
      <c r="D244" s="139"/>
      <c r="E244" s="140"/>
      <c r="F244" s="92"/>
      <c r="G244" s="141"/>
      <c r="H244" s="223" t="s">
        <v>201</v>
      </c>
      <c r="I244" s="208" t="s">
        <v>182</v>
      </c>
      <c r="J244" s="209" t="s">
        <v>153</v>
      </c>
      <c r="K244" s="209"/>
      <c r="L244" s="210" t="s">
        <v>182</v>
      </c>
      <c r="M244" s="209" t="s">
        <v>189</v>
      </c>
      <c r="N244" s="224"/>
      <c r="O244" s="210" t="s">
        <v>182</v>
      </c>
      <c r="P244" s="201" t="s">
        <v>190</v>
      </c>
      <c r="Q244" s="225"/>
      <c r="R244" s="210" t="s">
        <v>182</v>
      </c>
      <c r="S244" s="209" t="s">
        <v>191</v>
      </c>
      <c r="T244" s="225"/>
      <c r="U244" s="210" t="s">
        <v>182</v>
      </c>
      <c r="V244" s="209" t="s">
        <v>192</v>
      </c>
      <c r="W244" s="226"/>
      <c r="X244" s="227"/>
      <c r="Y244" s="142"/>
      <c r="Z244" s="142"/>
      <c r="AA244" s="142"/>
      <c r="AB244" s="143"/>
      <c r="AC244" s="144"/>
      <c r="AD244" s="142"/>
      <c r="AE244" s="142"/>
      <c r="AF244" s="143"/>
    </row>
    <row r="245" spans="1:33" ht="18.75" customHeight="1" x14ac:dyDescent="0.2">
      <c r="A245" s="41"/>
      <c r="B245" s="87"/>
      <c r="C245" s="162"/>
      <c r="D245" s="90"/>
      <c r="E245" s="97"/>
      <c r="F245" s="90"/>
      <c r="G245" s="102"/>
      <c r="H245" s="230" t="s">
        <v>121</v>
      </c>
      <c r="I245" s="156" t="s">
        <v>182</v>
      </c>
      <c r="J245" s="157" t="s">
        <v>153</v>
      </c>
      <c r="K245" s="157"/>
      <c r="L245" s="163"/>
      <c r="M245" s="159" t="s">
        <v>182</v>
      </c>
      <c r="N245" s="157" t="s">
        <v>168</v>
      </c>
      <c r="O245" s="157"/>
      <c r="P245" s="163"/>
      <c r="Q245" s="159" t="s">
        <v>182</v>
      </c>
      <c r="R245" s="164" t="s">
        <v>169</v>
      </c>
      <c r="S245" s="164"/>
      <c r="T245" s="164"/>
      <c r="U245" s="164"/>
      <c r="V245" s="164"/>
      <c r="W245" s="164"/>
      <c r="X245" s="165"/>
      <c r="Y245" s="145" t="s">
        <v>182</v>
      </c>
      <c r="Z245" s="22" t="s">
        <v>152</v>
      </c>
      <c r="AA245" s="22"/>
      <c r="AB245" s="103"/>
      <c r="AC245" s="145" t="s">
        <v>182</v>
      </c>
      <c r="AD245" s="22" t="s">
        <v>152</v>
      </c>
      <c r="AE245" s="22"/>
      <c r="AF245" s="103"/>
      <c r="AG245" s="219"/>
    </row>
    <row r="246" spans="1:33" ht="19.5" customHeight="1" x14ac:dyDescent="0.2">
      <c r="A246" s="104"/>
      <c r="B246" s="98"/>
      <c r="C246" s="105"/>
      <c r="D246" s="106"/>
      <c r="E246" s="100"/>
      <c r="F246" s="91"/>
      <c r="G246" s="107"/>
      <c r="H246" s="192" t="s">
        <v>123</v>
      </c>
      <c r="I246" s="193" t="s">
        <v>182</v>
      </c>
      <c r="J246" s="194" t="s">
        <v>183</v>
      </c>
      <c r="K246" s="195"/>
      <c r="L246" s="196"/>
      <c r="M246" s="197" t="s">
        <v>182</v>
      </c>
      <c r="N246" s="194" t="s">
        <v>187</v>
      </c>
      <c r="O246" s="197"/>
      <c r="P246" s="194"/>
      <c r="Q246" s="198"/>
      <c r="R246" s="198"/>
      <c r="S246" s="198"/>
      <c r="T246" s="198"/>
      <c r="U246" s="198"/>
      <c r="V246" s="198"/>
      <c r="W246" s="198"/>
      <c r="X246" s="199"/>
      <c r="Y246" s="99" t="s">
        <v>182</v>
      </c>
      <c r="Z246" s="191" t="s">
        <v>157</v>
      </c>
      <c r="AA246" s="190"/>
      <c r="AB246" s="110"/>
      <c r="AC246" s="99" t="s">
        <v>182</v>
      </c>
      <c r="AD246" s="191" t="s">
        <v>157</v>
      </c>
      <c r="AE246" s="190"/>
      <c r="AF246" s="110"/>
    </row>
    <row r="247" spans="1:33" ht="19.5" customHeight="1" x14ac:dyDescent="0.2">
      <c r="A247" s="104"/>
      <c r="B247" s="98"/>
      <c r="C247" s="166"/>
      <c r="D247" s="106"/>
      <c r="E247" s="100"/>
      <c r="F247" s="91"/>
      <c r="G247" s="107"/>
      <c r="H247" s="192" t="s">
        <v>186</v>
      </c>
      <c r="I247" s="193" t="s">
        <v>182</v>
      </c>
      <c r="J247" s="194" t="s">
        <v>183</v>
      </c>
      <c r="K247" s="195"/>
      <c r="L247" s="196"/>
      <c r="M247" s="197" t="s">
        <v>182</v>
      </c>
      <c r="N247" s="194" t="s">
        <v>187</v>
      </c>
      <c r="O247" s="197"/>
      <c r="P247" s="194"/>
      <c r="Q247" s="198"/>
      <c r="R247" s="198"/>
      <c r="S247" s="198"/>
      <c r="T247" s="198"/>
      <c r="U247" s="198"/>
      <c r="V247" s="198"/>
      <c r="W247" s="198"/>
      <c r="X247" s="199"/>
      <c r="Y247" s="99"/>
      <c r="Z247" s="191"/>
      <c r="AA247" s="190"/>
      <c r="AB247" s="110"/>
      <c r="AC247" s="99"/>
      <c r="AD247" s="191"/>
      <c r="AE247" s="190"/>
      <c r="AF247" s="110"/>
    </row>
    <row r="248" spans="1:33" ht="19.5" customHeight="1" x14ac:dyDescent="0.2">
      <c r="A248" s="99" t="s">
        <v>182</v>
      </c>
      <c r="B248" s="98">
        <v>69</v>
      </c>
      <c r="C248" s="166" t="s">
        <v>287</v>
      </c>
      <c r="D248" s="189" t="s">
        <v>182</v>
      </c>
      <c r="E248" s="100" t="s">
        <v>284</v>
      </c>
      <c r="F248" s="91"/>
      <c r="G248" s="107"/>
      <c r="H248" s="192" t="s">
        <v>197</v>
      </c>
      <c r="I248" s="193" t="s">
        <v>182</v>
      </c>
      <c r="J248" s="194" t="s">
        <v>183</v>
      </c>
      <c r="K248" s="195"/>
      <c r="L248" s="196"/>
      <c r="M248" s="197" t="s">
        <v>182</v>
      </c>
      <c r="N248" s="194" t="s">
        <v>187</v>
      </c>
      <c r="O248" s="197"/>
      <c r="P248" s="194"/>
      <c r="Q248" s="198"/>
      <c r="R248" s="198"/>
      <c r="S248" s="198"/>
      <c r="T248" s="198"/>
      <c r="U248" s="198"/>
      <c r="V248" s="198"/>
      <c r="W248" s="198"/>
      <c r="X248" s="199"/>
      <c r="Y248" s="99"/>
      <c r="Z248" s="191"/>
      <c r="AA248" s="190"/>
      <c r="AB248" s="110"/>
      <c r="AC248" s="99"/>
      <c r="AD248" s="191"/>
      <c r="AE248" s="190"/>
      <c r="AF248" s="110"/>
    </row>
    <row r="249" spans="1:33" ht="18.75" customHeight="1" x14ac:dyDescent="0.2">
      <c r="A249" s="106"/>
      <c r="B249" s="188"/>
      <c r="C249" s="166" t="s">
        <v>285</v>
      </c>
      <c r="D249" s="99" t="s">
        <v>182</v>
      </c>
      <c r="E249" s="100" t="s">
        <v>286</v>
      </c>
      <c r="F249" s="91"/>
      <c r="G249" s="182"/>
      <c r="H249" s="275" t="s">
        <v>204</v>
      </c>
      <c r="I249" s="277" t="s">
        <v>182</v>
      </c>
      <c r="J249" s="279" t="s">
        <v>158</v>
      </c>
      <c r="K249" s="279"/>
      <c r="L249" s="279"/>
      <c r="M249" s="277" t="s">
        <v>182</v>
      </c>
      <c r="N249" s="279" t="s">
        <v>159</v>
      </c>
      <c r="O249" s="279"/>
      <c r="P249" s="279"/>
      <c r="Q249" s="135"/>
      <c r="R249" s="135"/>
      <c r="S249" s="135"/>
      <c r="T249" s="135"/>
      <c r="U249" s="135"/>
      <c r="V249" s="135"/>
      <c r="W249" s="135"/>
      <c r="X249" s="136"/>
      <c r="Y249" s="116"/>
      <c r="Z249" s="190"/>
      <c r="AA249" s="190"/>
      <c r="AB249" s="110"/>
      <c r="AC249" s="116"/>
      <c r="AD249" s="190"/>
      <c r="AE249" s="190"/>
      <c r="AF249" s="110"/>
      <c r="AG249" s="219"/>
    </row>
    <row r="250" spans="1:33" ht="18.75" customHeight="1" x14ac:dyDescent="0.2">
      <c r="A250" s="99"/>
      <c r="B250" s="98"/>
      <c r="C250" s="166" t="s">
        <v>245</v>
      </c>
      <c r="D250" s="99"/>
      <c r="E250" s="100" t="s">
        <v>240</v>
      </c>
      <c r="F250" s="91"/>
      <c r="G250" s="182"/>
      <c r="H250" s="276"/>
      <c r="I250" s="278"/>
      <c r="J250" s="280"/>
      <c r="K250" s="280"/>
      <c r="L250" s="280"/>
      <c r="M250" s="278"/>
      <c r="N250" s="280"/>
      <c r="O250" s="280"/>
      <c r="P250" s="280"/>
      <c r="Q250" s="114"/>
      <c r="R250" s="114"/>
      <c r="S250" s="114"/>
      <c r="T250" s="114"/>
      <c r="U250" s="114"/>
      <c r="V250" s="114"/>
      <c r="W250" s="114"/>
      <c r="X250" s="115"/>
      <c r="Y250" s="116"/>
      <c r="Z250" s="190"/>
      <c r="AA250" s="190"/>
      <c r="AB250" s="110"/>
      <c r="AC250" s="116"/>
      <c r="AD250" s="190"/>
      <c r="AE250" s="190"/>
      <c r="AF250" s="110"/>
      <c r="AG250" s="219"/>
    </row>
    <row r="251" spans="1:33" ht="18.75" customHeight="1" x14ac:dyDescent="0.2">
      <c r="A251" s="106"/>
      <c r="B251" s="188"/>
      <c r="C251" s="166"/>
      <c r="D251" s="99"/>
      <c r="E251" s="100"/>
      <c r="F251" s="91"/>
      <c r="G251" s="182"/>
      <c r="H251" s="173" t="s">
        <v>195</v>
      </c>
      <c r="I251" s="118" t="s">
        <v>182</v>
      </c>
      <c r="J251" s="119" t="s">
        <v>153</v>
      </c>
      <c r="K251" s="119"/>
      <c r="L251" s="122" t="s">
        <v>182</v>
      </c>
      <c r="M251" s="119" t="s">
        <v>154</v>
      </c>
      <c r="N251" s="119"/>
      <c r="O251" s="122" t="s">
        <v>182</v>
      </c>
      <c r="P251" s="119" t="s">
        <v>155</v>
      </c>
      <c r="Q251" s="123"/>
      <c r="R251" s="123"/>
      <c r="S251" s="123"/>
      <c r="T251" s="123"/>
      <c r="U251" s="174"/>
      <c r="V251" s="174"/>
      <c r="W251" s="174"/>
      <c r="X251" s="175"/>
      <c r="Y251" s="116"/>
      <c r="Z251" s="190"/>
      <c r="AA251" s="190"/>
      <c r="AB251" s="110"/>
      <c r="AC251" s="116"/>
      <c r="AD251" s="190"/>
      <c r="AE251" s="190"/>
      <c r="AF251" s="110"/>
      <c r="AG251" s="219"/>
    </row>
    <row r="252" spans="1:33" ht="18.75" customHeight="1" x14ac:dyDescent="0.2">
      <c r="A252" s="99"/>
      <c r="B252" s="98"/>
      <c r="C252" s="166"/>
      <c r="D252" s="99"/>
      <c r="E252" s="100"/>
      <c r="F252" s="91"/>
      <c r="G252" s="182"/>
      <c r="H252" s="172" t="s">
        <v>101</v>
      </c>
      <c r="I252" s="118" t="s">
        <v>182</v>
      </c>
      <c r="J252" s="119" t="s">
        <v>153</v>
      </c>
      <c r="K252" s="119"/>
      <c r="L252" s="122" t="s">
        <v>182</v>
      </c>
      <c r="M252" s="119" t="s">
        <v>160</v>
      </c>
      <c r="N252" s="119"/>
      <c r="O252" s="122" t="s">
        <v>182</v>
      </c>
      <c r="P252" s="119" t="s">
        <v>161</v>
      </c>
      <c r="Q252" s="149"/>
      <c r="R252" s="122" t="s">
        <v>182</v>
      </c>
      <c r="S252" s="119" t="s">
        <v>170</v>
      </c>
      <c r="T252" s="149"/>
      <c r="U252" s="149"/>
      <c r="V252" s="149"/>
      <c r="W252" s="149"/>
      <c r="X252" s="150"/>
      <c r="Y252" s="116"/>
      <c r="Z252" s="190"/>
      <c r="AA252" s="190"/>
      <c r="AB252" s="110"/>
      <c r="AC252" s="116"/>
      <c r="AD252" s="190"/>
      <c r="AE252" s="190"/>
      <c r="AF252" s="110"/>
    </row>
    <row r="253" spans="1:33" ht="18.75" customHeight="1" x14ac:dyDescent="0.2">
      <c r="A253" s="137"/>
      <c r="B253" s="89"/>
      <c r="C253" s="138"/>
      <c r="D253" s="139"/>
      <c r="E253" s="140"/>
      <c r="F253" s="92"/>
      <c r="G253" s="141"/>
      <c r="H253" s="223" t="s">
        <v>201</v>
      </c>
      <c r="I253" s="208" t="s">
        <v>182</v>
      </c>
      <c r="J253" s="209" t="s">
        <v>153</v>
      </c>
      <c r="K253" s="209"/>
      <c r="L253" s="210" t="s">
        <v>182</v>
      </c>
      <c r="M253" s="209" t="s">
        <v>189</v>
      </c>
      <c r="N253" s="224"/>
      <c r="O253" s="210" t="s">
        <v>182</v>
      </c>
      <c r="P253" s="201" t="s">
        <v>190</v>
      </c>
      <c r="Q253" s="225"/>
      <c r="R253" s="210" t="s">
        <v>182</v>
      </c>
      <c r="S253" s="209" t="s">
        <v>191</v>
      </c>
      <c r="T253" s="225"/>
      <c r="U253" s="210" t="s">
        <v>182</v>
      </c>
      <c r="V253" s="209" t="s">
        <v>192</v>
      </c>
      <c r="W253" s="226"/>
      <c r="X253" s="227"/>
      <c r="Y253" s="142"/>
      <c r="Z253" s="142"/>
      <c r="AA253" s="142"/>
      <c r="AB253" s="143"/>
      <c r="AC253" s="144"/>
      <c r="AD253" s="142"/>
      <c r="AE253" s="142"/>
      <c r="AF253" s="143"/>
    </row>
    <row r="254" spans="1:33" ht="18.75" customHeight="1" x14ac:dyDescent="0.2">
      <c r="A254" s="41"/>
      <c r="B254" s="87"/>
      <c r="C254" s="162"/>
      <c r="D254" s="90"/>
      <c r="E254" s="97"/>
      <c r="F254" s="90"/>
      <c r="G254" s="102"/>
      <c r="H254" s="230" t="s">
        <v>89</v>
      </c>
      <c r="I254" s="156" t="s">
        <v>182</v>
      </c>
      <c r="J254" s="157" t="s">
        <v>175</v>
      </c>
      <c r="K254" s="158"/>
      <c r="L254" s="163"/>
      <c r="M254" s="159" t="s">
        <v>182</v>
      </c>
      <c r="N254" s="157" t="s">
        <v>176</v>
      </c>
      <c r="O254" s="160"/>
      <c r="P254" s="160"/>
      <c r="Q254" s="160"/>
      <c r="R254" s="160"/>
      <c r="S254" s="160"/>
      <c r="T254" s="160"/>
      <c r="U254" s="160"/>
      <c r="V254" s="160"/>
      <c r="W254" s="160"/>
      <c r="X254" s="161"/>
      <c r="Y254" s="145" t="s">
        <v>182</v>
      </c>
      <c r="Z254" s="22" t="s">
        <v>152</v>
      </c>
      <c r="AA254" s="22"/>
      <c r="AB254" s="103"/>
      <c r="AC254" s="145" t="s">
        <v>182</v>
      </c>
      <c r="AD254" s="22" t="s">
        <v>152</v>
      </c>
      <c r="AE254" s="22"/>
      <c r="AF254" s="103"/>
      <c r="AG254" s="219"/>
    </row>
    <row r="255" spans="1:33" ht="18.75" customHeight="1" x14ac:dyDescent="0.2">
      <c r="A255" s="104"/>
      <c r="B255" s="98"/>
      <c r="C255" s="166"/>
      <c r="D255" s="91"/>
      <c r="E255" s="100"/>
      <c r="F255" s="91"/>
      <c r="G255" s="182"/>
      <c r="H255" s="172" t="s">
        <v>87</v>
      </c>
      <c r="I255" s="118" t="s">
        <v>182</v>
      </c>
      <c r="J255" s="119" t="s">
        <v>153</v>
      </c>
      <c r="K255" s="119"/>
      <c r="L255" s="121"/>
      <c r="M255" s="122" t="s">
        <v>182</v>
      </c>
      <c r="N255" s="119" t="s">
        <v>246</v>
      </c>
      <c r="O255" s="119"/>
      <c r="P255" s="121"/>
      <c r="Q255" s="120"/>
      <c r="R255" s="120"/>
      <c r="S255" s="120"/>
      <c r="T255" s="120"/>
      <c r="U255" s="120"/>
      <c r="V255" s="120"/>
      <c r="W255" s="120"/>
      <c r="X255" s="127"/>
      <c r="Y255" s="99" t="s">
        <v>182</v>
      </c>
      <c r="Z255" s="191" t="s">
        <v>157</v>
      </c>
      <c r="AA255" s="190"/>
      <c r="AB255" s="110"/>
      <c r="AC255" s="99" t="s">
        <v>182</v>
      </c>
      <c r="AD255" s="191" t="s">
        <v>157</v>
      </c>
      <c r="AE255" s="190"/>
      <c r="AF255" s="110"/>
      <c r="AG255" s="219"/>
    </row>
    <row r="256" spans="1:33" ht="18.75" customHeight="1" x14ac:dyDescent="0.2">
      <c r="A256" s="104"/>
      <c r="B256" s="98"/>
      <c r="C256" s="166"/>
      <c r="D256" s="91"/>
      <c r="E256" s="100"/>
      <c r="F256" s="91"/>
      <c r="G256" s="182"/>
      <c r="H256" s="147" t="s">
        <v>123</v>
      </c>
      <c r="I256" s="118" t="s">
        <v>182</v>
      </c>
      <c r="J256" s="119" t="s">
        <v>183</v>
      </c>
      <c r="K256" s="120"/>
      <c r="L256" s="121"/>
      <c r="M256" s="122" t="s">
        <v>182</v>
      </c>
      <c r="N256" s="119" t="s">
        <v>184</v>
      </c>
      <c r="O256" s="123"/>
      <c r="P256" s="123"/>
      <c r="Q256" s="120"/>
      <c r="R256" s="120"/>
      <c r="S256" s="120"/>
      <c r="T256" s="120"/>
      <c r="U256" s="120"/>
      <c r="V256" s="120"/>
      <c r="W256" s="120"/>
      <c r="X256" s="127"/>
      <c r="Y256" s="116"/>
      <c r="Z256" s="190"/>
      <c r="AA256" s="190"/>
      <c r="AB256" s="110"/>
      <c r="AC256" s="116"/>
      <c r="AD256" s="190"/>
      <c r="AE256" s="190"/>
      <c r="AF256" s="110"/>
    </row>
    <row r="257" spans="1:33" ht="19.5" customHeight="1" x14ac:dyDescent="0.2">
      <c r="A257" s="104"/>
      <c r="B257" s="98"/>
      <c r="C257" s="105"/>
      <c r="D257" s="106"/>
      <c r="E257" s="100"/>
      <c r="F257" s="91"/>
      <c r="G257" s="107"/>
      <c r="H257" s="117" t="s">
        <v>186</v>
      </c>
      <c r="I257" s="118" t="s">
        <v>182</v>
      </c>
      <c r="J257" s="119" t="s">
        <v>183</v>
      </c>
      <c r="K257" s="120"/>
      <c r="L257" s="121"/>
      <c r="M257" s="122" t="s">
        <v>182</v>
      </c>
      <c r="N257" s="119" t="s">
        <v>187</v>
      </c>
      <c r="O257" s="122"/>
      <c r="P257" s="119"/>
      <c r="Q257" s="123"/>
      <c r="R257" s="123"/>
      <c r="S257" s="123"/>
      <c r="T257" s="123"/>
      <c r="U257" s="123"/>
      <c r="V257" s="123"/>
      <c r="W257" s="123"/>
      <c r="X257" s="124"/>
      <c r="Y257" s="190"/>
      <c r="Z257" s="190"/>
      <c r="AA257" s="190"/>
      <c r="AB257" s="110"/>
      <c r="AC257" s="116"/>
      <c r="AD257" s="190"/>
      <c r="AE257" s="190"/>
      <c r="AF257" s="110"/>
    </row>
    <row r="258" spans="1:33" ht="19.5" customHeight="1" x14ac:dyDescent="0.2">
      <c r="A258" s="104"/>
      <c r="B258" s="98"/>
      <c r="C258" s="105"/>
      <c r="D258" s="106"/>
      <c r="E258" s="100"/>
      <c r="F258" s="91"/>
      <c r="G258" s="107"/>
      <c r="H258" s="117" t="s">
        <v>197</v>
      </c>
      <c r="I258" s="118" t="s">
        <v>182</v>
      </c>
      <c r="J258" s="119" t="s">
        <v>183</v>
      </c>
      <c r="K258" s="120"/>
      <c r="L258" s="121"/>
      <c r="M258" s="122" t="s">
        <v>182</v>
      </c>
      <c r="N258" s="119" t="s">
        <v>187</v>
      </c>
      <c r="O258" s="122"/>
      <c r="P258" s="119"/>
      <c r="Q258" s="123"/>
      <c r="R258" s="123"/>
      <c r="S258" s="123"/>
      <c r="T258" s="123"/>
      <c r="U258" s="123"/>
      <c r="V258" s="123"/>
      <c r="W258" s="123"/>
      <c r="X258" s="124"/>
      <c r="Y258" s="190"/>
      <c r="Z258" s="190"/>
      <c r="AA258" s="190"/>
      <c r="AB258" s="110"/>
      <c r="AC258" s="116"/>
      <c r="AD258" s="190"/>
      <c r="AE258" s="190"/>
      <c r="AF258" s="110"/>
    </row>
    <row r="259" spans="1:33" ht="18.75" customHeight="1" x14ac:dyDescent="0.2">
      <c r="A259" s="104"/>
      <c r="B259" s="98"/>
      <c r="C259" s="166"/>
      <c r="D259" s="91"/>
      <c r="E259" s="100"/>
      <c r="F259" s="91"/>
      <c r="G259" s="182"/>
      <c r="H259" s="292" t="s">
        <v>247</v>
      </c>
      <c r="I259" s="277" t="s">
        <v>182</v>
      </c>
      <c r="J259" s="279" t="s">
        <v>153</v>
      </c>
      <c r="K259" s="279"/>
      <c r="L259" s="277" t="s">
        <v>182</v>
      </c>
      <c r="M259" s="279" t="s">
        <v>164</v>
      </c>
      <c r="N259" s="279"/>
      <c r="O259" s="128"/>
      <c r="P259" s="128"/>
      <c r="Q259" s="128"/>
      <c r="R259" s="128"/>
      <c r="S259" s="128"/>
      <c r="T259" s="128"/>
      <c r="U259" s="128"/>
      <c r="V259" s="128"/>
      <c r="W259" s="128"/>
      <c r="X259" s="132"/>
      <c r="Y259" s="116"/>
      <c r="Z259" s="190"/>
      <c r="AA259" s="190"/>
      <c r="AB259" s="110"/>
      <c r="AC259" s="116"/>
      <c r="AD259" s="190"/>
      <c r="AE259" s="190"/>
      <c r="AF259" s="110"/>
    </row>
    <row r="260" spans="1:33" ht="18.75" customHeight="1" x14ac:dyDescent="0.2">
      <c r="A260" s="104"/>
      <c r="B260" s="98"/>
      <c r="C260" s="166"/>
      <c r="D260" s="91"/>
      <c r="E260" s="100"/>
      <c r="F260" s="91"/>
      <c r="G260" s="182"/>
      <c r="H260" s="293"/>
      <c r="I260" s="278"/>
      <c r="J260" s="280"/>
      <c r="K260" s="280"/>
      <c r="L260" s="278"/>
      <c r="M260" s="280"/>
      <c r="N260" s="280"/>
      <c r="O260" s="129"/>
      <c r="P260" s="129"/>
      <c r="Q260" s="129"/>
      <c r="R260" s="129"/>
      <c r="S260" s="129"/>
      <c r="T260" s="129"/>
      <c r="U260" s="129"/>
      <c r="V260" s="129"/>
      <c r="W260" s="129"/>
      <c r="X260" s="130"/>
      <c r="Y260" s="116"/>
      <c r="Z260" s="190"/>
      <c r="AA260" s="190"/>
      <c r="AB260" s="110"/>
      <c r="AC260" s="116"/>
      <c r="AD260" s="190"/>
      <c r="AE260" s="190"/>
      <c r="AF260" s="110"/>
    </row>
    <row r="261" spans="1:33" ht="18.75" customHeight="1" x14ac:dyDescent="0.2">
      <c r="A261" s="99" t="s">
        <v>182</v>
      </c>
      <c r="B261" s="98">
        <v>37</v>
      </c>
      <c r="C261" s="166" t="s">
        <v>282</v>
      </c>
      <c r="D261" s="99" t="s">
        <v>182</v>
      </c>
      <c r="E261" s="100" t="s">
        <v>181</v>
      </c>
      <c r="F261" s="91"/>
      <c r="G261" s="182"/>
      <c r="H261" s="172" t="s">
        <v>248</v>
      </c>
      <c r="I261" s="148" t="s">
        <v>182</v>
      </c>
      <c r="J261" s="119" t="s">
        <v>153</v>
      </c>
      <c r="K261" s="119"/>
      <c r="L261" s="122" t="s">
        <v>182</v>
      </c>
      <c r="M261" s="119" t="s">
        <v>154</v>
      </c>
      <c r="N261" s="119"/>
      <c r="O261" s="151" t="s">
        <v>182</v>
      </c>
      <c r="P261" s="119" t="s">
        <v>155</v>
      </c>
      <c r="Q261" s="149"/>
      <c r="R261" s="149"/>
      <c r="S261" s="149"/>
      <c r="T261" s="149"/>
      <c r="U261" s="149"/>
      <c r="V261" s="149"/>
      <c r="W261" s="149"/>
      <c r="X261" s="150"/>
      <c r="Y261" s="116"/>
      <c r="Z261" s="190"/>
      <c r="AA261" s="190"/>
      <c r="AB261" s="110"/>
      <c r="AC261" s="116"/>
      <c r="AD261" s="190"/>
      <c r="AE261" s="190"/>
      <c r="AF261" s="110"/>
    </row>
    <row r="262" spans="1:33" ht="18.75" customHeight="1" x14ac:dyDescent="0.2">
      <c r="A262" s="104"/>
      <c r="B262" s="98"/>
      <c r="C262" s="166" t="s">
        <v>288</v>
      </c>
      <c r="D262" s="99" t="s">
        <v>182</v>
      </c>
      <c r="E262" s="100" t="s">
        <v>180</v>
      </c>
      <c r="F262" s="91"/>
      <c r="G262" s="182"/>
      <c r="H262" s="172" t="s">
        <v>206</v>
      </c>
      <c r="I262" s="118" t="s">
        <v>182</v>
      </c>
      <c r="J262" s="119" t="s">
        <v>153</v>
      </c>
      <c r="K262" s="120"/>
      <c r="L262" s="122" t="s">
        <v>182</v>
      </c>
      <c r="M262" s="119" t="s">
        <v>164</v>
      </c>
      <c r="N262" s="149"/>
      <c r="O262" s="149"/>
      <c r="P262" s="149"/>
      <c r="Q262" s="149"/>
      <c r="R262" s="149"/>
      <c r="S262" s="149"/>
      <c r="T262" s="149"/>
      <c r="U262" s="149"/>
      <c r="V262" s="149"/>
      <c r="W262" s="149"/>
      <c r="X262" s="150"/>
      <c r="Y262" s="116"/>
      <c r="Z262" s="190"/>
      <c r="AA262" s="190"/>
      <c r="AB262" s="110"/>
      <c r="AC262" s="116"/>
      <c r="AD262" s="190"/>
      <c r="AE262" s="190"/>
      <c r="AF262" s="110"/>
    </row>
    <row r="263" spans="1:33" ht="18.75" customHeight="1" x14ac:dyDescent="0.2">
      <c r="A263" s="104"/>
      <c r="B263" s="98"/>
      <c r="C263" s="181"/>
      <c r="D263" s="99" t="s">
        <v>182</v>
      </c>
      <c r="E263" s="100" t="s">
        <v>252</v>
      </c>
      <c r="F263" s="91"/>
      <c r="G263" s="182"/>
      <c r="H263" s="147" t="s">
        <v>289</v>
      </c>
      <c r="I263" s="118" t="s">
        <v>182</v>
      </c>
      <c r="J263" s="119" t="s">
        <v>162</v>
      </c>
      <c r="K263" s="120"/>
      <c r="L263" s="121"/>
      <c r="M263" s="122" t="s">
        <v>182</v>
      </c>
      <c r="N263" s="119" t="s">
        <v>163</v>
      </c>
      <c r="O263" s="123"/>
      <c r="P263" s="123"/>
      <c r="Q263" s="123"/>
      <c r="R263" s="123"/>
      <c r="S263" s="123"/>
      <c r="T263" s="123"/>
      <c r="U263" s="123"/>
      <c r="V263" s="123"/>
      <c r="W263" s="123"/>
      <c r="X263" s="124"/>
      <c r="Y263" s="116"/>
      <c r="Z263" s="190"/>
      <c r="AA263" s="190"/>
      <c r="AB263" s="110"/>
      <c r="AC263" s="116"/>
      <c r="AD263" s="190"/>
      <c r="AE263" s="190"/>
      <c r="AF263" s="110"/>
    </row>
    <row r="264" spans="1:33" ht="18.75" customHeight="1" x14ac:dyDescent="0.2">
      <c r="A264" s="104"/>
      <c r="B264" s="98"/>
      <c r="C264" s="166"/>
      <c r="D264" s="99" t="s">
        <v>182</v>
      </c>
      <c r="E264" s="100" t="s">
        <v>253</v>
      </c>
      <c r="F264" s="91"/>
      <c r="G264" s="182"/>
      <c r="H264" s="172" t="s">
        <v>100</v>
      </c>
      <c r="I264" s="148" t="s">
        <v>182</v>
      </c>
      <c r="J264" s="119" t="s">
        <v>153</v>
      </c>
      <c r="K264" s="119"/>
      <c r="L264" s="122" t="s">
        <v>182</v>
      </c>
      <c r="M264" s="119" t="s">
        <v>154</v>
      </c>
      <c r="N264" s="119"/>
      <c r="O264" s="151" t="s">
        <v>182</v>
      </c>
      <c r="P264" s="119" t="s">
        <v>155</v>
      </c>
      <c r="Q264" s="149"/>
      <c r="R264" s="149"/>
      <c r="S264" s="149"/>
      <c r="T264" s="149"/>
      <c r="U264" s="149"/>
      <c r="V264" s="149"/>
      <c r="W264" s="149"/>
      <c r="X264" s="150"/>
      <c r="Y264" s="116"/>
      <c r="Z264" s="190"/>
      <c r="AA264" s="190"/>
      <c r="AB264" s="110"/>
      <c r="AC264" s="116"/>
      <c r="AD264" s="190"/>
      <c r="AE264" s="190"/>
      <c r="AF264" s="110"/>
    </row>
    <row r="265" spans="1:33" ht="18.75" customHeight="1" x14ac:dyDescent="0.2">
      <c r="A265" s="104"/>
      <c r="B265" s="98"/>
      <c r="C265" s="181"/>
      <c r="D265" s="99"/>
      <c r="E265" s="100"/>
      <c r="F265" s="91"/>
      <c r="G265" s="182"/>
      <c r="H265" s="171" t="s">
        <v>196</v>
      </c>
      <c r="I265" s="118" t="s">
        <v>182</v>
      </c>
      <c r="J265" s="119" t="s">
        <v>153</v>
      </c>
      <c r="K265" s="119"/>
      <c r="L265" s="122" t="s">
        <v>182</v>
      </c>
      <c r="M265" s="119" t="s">
        <v>154</v>
      </c>
      <c r="N265" s="119"/>
      <c r="O265" s="122" t="s">
        <v>182</v>
      </c>
      <c r="P265" s="119" t="s">
        <v>155</v>
      </c>
      <c r="Q265" s="120"/>
      <c r="R265" s="120"/>
      <c r="S265" s="120"/>
      <c r="T265" s="120"/>
      <c r="U265" s="120"/>
      <c r="V265" s="120"/>
      <c r="W265" s="120"/>
      <c r="X265" s="127"/>
      <c r="Y265" s="116"/>
      <c r="Z265" s="190"/>
      <c r="AA265" s="190"/>
      <c r="AB265" s="110"/>
      <c r="AC265" s="116"/>
      <c r="AD265" s="190"/>
      <c r="AE265" s="190"/>
      <c r="AF265" s="110"/>
    </row>
    <row r="266" spans="1:33" ht="18.75" customHeight="1" x14ac:dyDescent="0.2">
      <c r="A266" s="104"/>
      <c r="B266" s="98"/>
      <c r="C266" s="166"/>
      <c r="D266" s="99"/>
      <c r="E266" s="100"/>
      <c r="F266" s="91"/>
      <c r="G266" s="182"/>
      <c r="H266" s="125" t="s">
        <v>128</v>
      </c>
      <c r="I266" s="118" t="s">
        <v>182</v>
      </c>
      <c r="J266" s="119" t="s">
        <v>153</v>
      </c>
      <c r="K266" s="120"/>
      <c r="L266" s="122" t="s">
        <v>182</v>
      </c>
      <c r="M266" s="119" t="s">
        <v>164</v>
      </c>
      <c r="N266" s="149"/>
      <c r="O266" s="149"/>
      <c r="P266" s="149"/>
      <c r="Q266" s="149"/>
      <c r="R266" s="149"/>
      <c r="S266" s="149"/>
      <c r="T266" s="149"/>
      <c r="U266" s="149"/>
      <c r="V266" s="149"/>
      <c r="W266" s="149"/>
      <c r="X266" s="150"/>
      <c r="Y266" s="116"/>
      <c r="Z266" s="190"/>
      <c r="AA266" s="190"/>
      <c r="AB266" s="110"/>
      <c r="AC266" s="116"/>
      <c r="AD266" s="190"/>
      <c r="AE266" s="190"/>
      <c r="AF266" s="110"/>
    </row>
    <row r="267" spans="1:33" ht="18.75" customHeight="1" x14ac:dyDescent="0.2">
      <c r="A267" s="104"/>
      <c r="B267" s="98"/>
      <c r="C267" s="166"/>
      <c r="D267" s="91"/>
      <c r="E267" s="100"/>
      <c r="F267" s="91"/>
      <c r="G267" s="100"/>
      <c r="H267" s="171" t="s">
        <v>199</v>
      </c>
      <c r="I267" s="118" t="s">
        <v>182</v>
      </c>
      <c r="J267" s="119" t="s">
        <v>153</v>
      </c>
      <c r="K267" s="119"/>
      <c r="L267" s="122" t="s">
        <v>182</v>
      </c>
      <c r="M267" s="129" t="s">
        <v>164</v>
      </c>
      <c r="N267" s="119"/>
      <c r="O267" s="119"/>
      <c r="P267" s="119"/>
      <c r="Q267" s="120"/>
      <c r="R267" s="120"/>
      <c r="S267" s="120"/>
      <c r="T267" s="120"/>
      <c r="U267" s="120"/>
      <c r="V267" s="120"/>
      <c r="W267" s="120"/>
      <c r="X267" s="127"/>
      <c r="Y267" s="116"/>
      <c r="Z267" s="190"/>
      <c r="AA267" s="190"/>
      <c r="AB267" s="110"/>
      <c r="AC267" s="116"/>
      <c r="AD267" s="190"/>
      <c r="AE267" s="190"/>
      <c r="AF267" s="110"/>
    </row>
    <row r="268" spans="1:33" ht="18.75" customHeight="1" x14ac:dyDescent="0.2">
      <c r="A268" s="104"/>
      <c r="B268" s="98"/>
      <c r="C268" s="166"/>
      <c r="D268" s="91"/>
      <c r="E268" s="100"/>
      <c r="F268" s="91"/>
      <c r="G268" s="100"/>
      <c r="H268" s="171" t="s">
        <v>200</v>
      </c>
      <c r="I268" s="118" t="s">
        <v>182</v>
      </c>
      <c r="J268" s="119" t="s">
        <v>153</v>
      </c>
      <c r="K268" s="119"/>
      <c r="L268" s="122" t="s">
        <v>182</v>
      </c>
      <c r="M268" s="129" t="s">
        <v>164</v>
      </c>
      <c r="N268" s="119"/>
      <c r="O268" s="119"/>
      <c r="P268" s="119"/>
      <c r="Q268" s="120"/>
      <c r="R268" s="120"/>
      <c r="S268" s="120"/>
      <c r="T268" s="120"/>
      <c r="U268" s="120"/>
      <c r="V268" s="120"/>
      <c r="W268" s="120"/>
      <c r="X268" s="127"/>
      <c r="Y268" s="116"/>
      <c r="Z268" s="190"/>
      <c r="AA268" s="190"/>
      <c r="AB268" s="110"/>
      <c r="AC268" s="116"/>
      <c r="AD268" s="190"/>
      <c r="AE268" s="190"/>
      <c r="AF268" s="110"/>
    </row>
    <row r="269" spans="1:33" ht="18.75" customHeight="1" x14ac:dyDescent="0.2">
      <c r="A269" s="104"/>
      <c r="B269" s="98"/>
      <c r="C269" s="166"/>
      <c r="D269" s="91"/>
      <c r="E269" s="100"/>
      <c r="F269" s="91"/>
      <c r="G269" s="182"/>
      <c r="H269" s="173" t="s">
        <v>195</v>
      </c>
      <c r="I269" s="118" t="s">
        <v>182</v>
      </c>
      <c r="J269" s="119" t="s">
        <v>153</v>
      </c>
      <c r="K269" s="119"/>
      <c r="L269" s="122" t="s">
        <v>182</v>
      </c>
      <c r="M269" s="119" t="s">
        <v>154</v>
      </c>
      <c r="N269" s="119"/>
      <c r="O269" s="122" t="s">
        <v>182</v>
      </c>
      <c r="P269" s="119" t="s">
        <v>155</v>
      </c>
      <c r="Q269" s="123"/>
      <c r="R269" s="123"/>
      <c r="S269" s="123"/>
      <c r="T269" s="123"/>
      <c r="U269" s="174"/>
      <c r="V269" s="174"/>
      <c r="W269" s="174"/>
      <c r="X269" s="175"/>
      <c r="Y269" s="116"/>
      <c r="Z269" s="190"/>
      <c r="AA269" s="190"/>
      <c r="AB269" s="110"/>
      <c r="AC269" s="116"/>
      <c r="AD269" s="190"/>
      <c r="AE269" s="190"/>
      <c r="AF269" s="110"/>
    </row>
    <row r="270" spans="1:33" ht="18.75" customHeight="1" x14ac:dyDescent="0.2">
      <c r="A270" s="104"/>
      <c r="B270" s="98"/>
      <c r="C270" s="166"/>
      <c r="D270" s="91"/>
      <c r="E270" s="100"/>
      <c r="F270" s="91"/>
      <c r="G270" s="182"/>
      <c r="H270" s="172" t="s">
        <v>101</v>
      </c>
      <c r="I270" s="118" t="s">
        <v>182</v>
      </c>
      <c r="J270" s="119" t="s">
        <v>153</v>
      </c>
      <c r="K270" s="119"/>
      <c r="L270" s="122" t="s">
        <v>182</v>
      </c>
      <c r="M270" s="119" t="s">
        <v>160</v>
      </c>
      <c r="N270" s="119"/>
      <c r="O270" s="122" t="s">
        <v>182</v>
      </c>
      <c r="P270" s="119" t="s">
        <v>161</v>
      </c>
      <c r="Q270" s="149"/>
      <c r="R270" s="122" t="s">
        <v>182</v>
      </c>
      <c r="S270" s="119" t="s">
        <v>170</v>
      </c>
      <c r="T270" s="149"/>
      <c r="U270" s="149"/>
      <c r="V270" s="149"/>
      <c r="W270" s="149"/>
      <c r="X270" s="150"/>
      <c r="Y270" s="116"/>
      <c r="Z270" s="190"/>
      <c r="AA270" s="190"/>
      <c r="AB270" s="110"/>
      <c r="AC270" s="116"/>
      <c r="AD270" s="190"/>
      <c r="AE270" s="190"/>
      <c r="AF270" s="110"/>
    </row>
    <row r="271" spans="1:33" ht="18.75" customHeight="1" x14ac:dyDescent="0.2">
      <c r="A271" s="137"/>
      <c r="B271" s="89"/>
      <c r="C271" s="138"/>
      <c r="D271" s="139"/>
      <c r="E271" s="140"/>
      <c r="F271" s="92"/>
      <c r="G271" s="141"/>
      <c r="H271" s="223" t="s">
        <v>201</v>
      </c>
      <c r="I271" s="208" t="s">
        <v>182</v>
      </c>
      <c r="J271" s="209" t="s">
        <v>153</v>
      </c>
      <c r="K271" s="209"/>
      <c r="L271" s="210" t="s">
        <v>182</v>
      </c>
      <c r="M271" s="209" t="s">
        <v>189</v>
      </c>
      <c r="N271" s="224"/>
      <c r="O271" s="210" t="s">
        <v>182</v>
      </c>
      <c r="P271" s="201" t="s">
        <v>190</v>
      </c>
      <c r="Q271" s="225"/>
      <c r="R271" s="210" t="s">
        <v>182</v>
      </c>
      <c r="S271" s="209" t="s">
        <v>191</v>
      </c>
      <c r="T271" s="225"/>
      <c r="U271" s="210" t="s">
        <v>182</v>
      </c>
      <c r="V271" s="209" t="s">
        <v>192</v>
      </c>
      <c r="W271" s="226"/>
      <c r="X271" s="227"/>
      <c r="Y271" s="142"/>
      <c r="Z271" s="142"/>
      <c r="AA271" s="142"/>
      <c r="AB271" s="143"/>
      <c r="AC271" s="144"/>
      <c r="AD271" s="142"/>
      <c r="AE271" s="142"/>
      <c r="AF271" s="143"/>
    </row>
    <row r="272" spans="1:33" ht="18.75" customHeight="1" x14ac:dyDescent="0.2">
      <c r="A272" s="41"/>
      <c r="B272" s="87"/>
      <c r="C272" s="162"/>
      <c r="D272" s="90"/>
      <c r="E272" s="97"/>
      <c r="F272" s="178"/>
      <c r="G272" s="236"/>
      <c r="H272" s="230" t="s">
        <v>89</v>
      </c>
      <c r="I272" s="156" t="s">
        <v>182</v>
      </c>
      <c r="J272" s="157" t="s">
        <v>175</v>
      </c>
      <c r="K272" s="158"/>
      <c r="L272" s="163"/>
      <c r="M272" s="159" t="s">
        <v>182</v>
      </c>
      <c r="N272" s="157" t="s">
        <v>176</v>
      </c>
      <c r="O272" s="160"/>
      <c r="P272" s="160"/>
      <c r="Q272" s="160"/>
      <c r="R272" s="160"/>
      <c r="S272" s="160"/>
      <c r="T272" s="160"/>
      <c r="U272" s="160"/>
      <c r="V272" s="160"/>
      <c r="W272" s="160"/>
      <c r="X272" s="161"/>
      <c r="Y272" s="145" t="s">
        <v>182</v>
      </c>
      <c r="Z272" s="22" t="s">
        <v>152</v>
      </c>
      <c r="AA272" s="22"/>
      <c r="AB272" s="103"/>
      <c r="AC272" s="145" t="s">
        <v>182</v>
      </c>
      <c r="AD272" s="22" t="s">
        <v>152</v>
      </c>
      <c r="AE272" s="22"/>
      <c r="AF272" s="103"/>
      <c r="AG272" s="219"/>
    </row>
    <row r="273" spans="1:33" ht="18.75" customHeight="1" x14ac:dyDescent="0.2">
      <c r="A273" s="104"/>
      <c r="B273" s="98"/>
      <c r="C273" s="166"/>
      <c r="D273" s="91"/>
      <c r="E273" s="100"/>
      <c r="F273" s="179"/>
      <c r="G273" s="237"/>
      <c r="H273" s="172" t="s">
        <v>87</v>
      </c>
      <c r="I273" s="118" t="s">
        <v>182</v>
      </c>
      <c r="J273" s="119" t="s">
        <v>153</v>
      </c>
      <c r="K273" s="119"/>
      <c r="L273" s="121"/>
      <c r="M273" s="122" t="s">
        <v>182</v>
      </c>
      <c r="N273" s="119" t="s">
        <v>246</v>
      </c>
      <c r="O273" s="119"/>
      <c r="P273" s="121"/>
      <c r="Q273" s="120"/>
      <c r="R273" s="120"/>
      <c r="S273" s="120"/>
      <c r="T273" s="120"/>
      <c r="U273" s="120"/>
      <c r="V273" s="120"/>
      <c r="W273" s="120"/>
      <c r="X273" s="127"/>
      <c r="Y273" s="99" t="s">
        <v>182</v>
      </c>
      <c r="Z273" s="191" t="s">
        <v>157</v>
      </c>
      <c r="AA273" s="190"/>
      <c r="AB273" s="110"/>
      <c r="AC273" s="99" t="s">
        <v>182</v>
      </c>
      <c r="AD273" s="191" t="s">
        <v>157</v>
      </c>
      <c r="AE273" s="190"/>
      <c r="AF273" s="110"/>
      <c r="AG273" s="219"/>
    </row>
    <row r="274" spans="1:33" ht="19.5" customHeight="1" x14ac:dyDescent="0.2">
      <c r="A274" s="104"/>
      <c r="B274" s="98"/>
      <c r="C274" s="105"/>
      <c r="D274" s="106"/>
      <c r="E274" s="100"/>
      <c r="F274" s="91"/>
      <c r="G274" s="107"/>
      <c r="H274" s="192" t="s">
        <v>123</v>
      </c>
      <c r="I274" s="193" t="s">
        <v>182</v>
      </c>
      <c r="J274" s="194" t="s">
        <v>183</v>
      </c>
      <c r="K274" s="195"/>
      <c r="L274" s="196"/>
      <c r="M274" s="197" t="s">
        <v>182</v>
      </c>
      <c r="N274" s="194" t="s">
        <v>187</v>
      </c>
      <c r="O274" s="197"/>
      <c r="P274" s="194"/>
      <c r="Q274" s="198"/>
      <c r="R274" s="198"/>
      <c r="S274" s="198"/>
      <c r="T274" s="198"/>
      <c r="U274" s="198"/>
      <c r="V274" s="198"/>
      <c r="W274" s="198"/>
      <c r="X274" s="199"/>
      <c r="Y274" s="99"/>
      <c r="Z274" s="191"/>
      <c r="AA274" s="190"/>
      <c r="AB274" s="110"/>
      <c r="AC274" s="99"/>
      <c r="AD274" s="191"/>
      <c r="AE274" s="190"/>
      <c r="AF274" s="110"/>
    </row>
    <row r="275" spans="1:33" ht="19.5" customHeight="1" x14ac:dyDescent="0.2">
      <c r="A275" s="104"/>
      <c r="B275" s="98"/>
      <c r="C275" s="105"/>
      <c r="D275" s="106"/>
      <c r="E275" s="100"/>
      <c r="F275" s="91"/>
      <c r="G275" s="107"/>
      <c r="H275" s="192" t="s">
        <v>186</v>
      </c>
      <c r="I275" s="193" t="s">
        <v>182</v>
      </c>
      <c r="J275" s="194" t="s">
        <v>183</v>
      </c>
      <c r="K275" s="195"/>
      <c r="L275" s="196"/>
      <c r="M275" s="197" t="s">
        <v>182</v>
      </c>
      <c r="N275" s="194" t="s">
        <v>187</v>
      </c>
      <c r="O275" s="197"/>
      <c r="P275" s="194"/>
      <c r="Q275" s="198"/>
      <c r="R275" s="198"/>
      <c r="S275" s="198"/>
      <c r="T275" s="198"/>
      <c r="U275" s="198"/>
      <c r="V275" s="198"/>
      <c r="W275" s="198"/>
      <c r="X275" s="199"/>
      <c r="Y275" s="190"/>
      <c r="Z275" s="190"/>
      <c r="AA275" s="190"/>
      <c r="AB275" s="110"/>
      <c r="AC275" s="116"/>
      <c r="AD275" s="190"/>
      <c r="AE275" s="190"/>
      <c r="AF275" s="110"/>
    </row>
    <row r="276" spans="1:33" ht="19.5" customHeight="1" x14ac:dyDescent="0.2">
      <c r="A276" s="104"/>
      <c r="B276" s="98"/>
      <c r="C276" s="105"/>
      <c r="D276" s="106"/>
      <c r="E276" s="100"/>
      <c r="F276" s="91"/>
      <c r="G276" s="107"/>
      <c r="H276" s="192" t="s">
        <v>197</v>
      </c>
      <c r="I276" s="193" t="s">
        <v>182</v>
      </c>
      <c r="J276" s="194" t="s">
        <v>183</v>
      </c>
      <c r="K276" s="195"/>
      <c r="L276" s="196"/>
      <c r="M276" s="197" t="s">
        <v>182</v>
      </c>
      <c r="N276" s="194" t="s">
        <v>187</v>
      </c>
      <c r="O276" s="197"/>
      <c r="P276" s="194"/>
      <c r="Q276" s="198"/>
      <c r="R276" s="198"/>
      <c r="S276" s="198"/>
      <c r="T276" s="198"/>
      <c r="U276" s="198"/>
      <c r="V276" s="198"/>
      <c r="W276" s="198"/>
      <c r="X276" s="199"/>
      <c r="Y276" s="190"/>
      <c r="Z276" s="190"/>
      <c r="AA276" s="190"/>
      <c r="AB276" s="110"/>
      <c r="AC276" s="116"/>
      <c r="AD276" s="190"/>
      <c r="AE276" s="190"/>
      <c r="AF276" s="110"/>
    </row>
    <row r="277" spans="1:33" ht="18.75" customHeight="1" x14ac:dyDescent="0.2">
      <c r="A277" s="104"/>
      <c r="B277" s="98"/>
      <c r="C277" s="166" t="s">
        <v>282</v>
      </c>
      <c r="D277" s="99" t="s">
        <v>182</v>
      </c>
      <c r="E277" s="100" t="s">
        <v>181</v>
      </c>
      <c r="F277" s="179"/>
      <c r="G277" s="237"/>
      <c r="H277" s="294" t="s">
        <v>247</v>
      </c>
      <c r="I277" s="296" t="s">
        <v>182</v>
      </c>
      <c r="J277" s="298" t="s">
        <v>153</v>
      </c>
      <c r="K277" s="298"/>
      <c r="L277" s="296" t="s">
        <v>182</v>
      </c>
      <c r="M277" s="298" t="s">
        <v>164</v>
      </c>
      <c r="N277" s="298"/>
      <c r="O277" s="200"/>
      <c r="P277" s="200"/>
      <c r="Q277" s="200"/>
      <c r="R277" s="200"/>
      <c r="S277" s="200"/>
      <c r="T277" s="200"/>
      <c r="U277" s="200"/>
      <c r="V277" s="200"/>
      <c r="W277" s="200"/>
      <c r="X277" s="202"/>
      <c r="Y277" s="116"/>
      <c r="Z277" s="190"/>
      <c r="AA277" s="190"/>
      <c r="AB277" s="110"/>
      <c r="AC277" s="116"/>
      <c r="AD277" s="190"/>
      <c r="AE277" s="190"/>
      <c r="AF277" s="110"/>
    </row>
    <row r="278" spans="1:33" ht="18.75" customHeight="1" x14ac:dyDescent="0.2">
      <c r="A278" s="99" t="s">
        <v>182</v>
      </c>
      <c r="B278" s="98">
        <v>39</v>
      </c>
      <c r="C278" s="166" t="s">
        <v>288</v>
      </c>
      <c r="D278" s="99" t="s">
        <v>182</v>
      </c>
      <c r="E278" s="100" t="s">
        <v>180</v>
      </c>
      <c r="F278" s="179"/>
      <c r="G278" s="237"/>
      <c r="H278" s="295"/>
      <c r="I278" s="297"/>
      <c r="J278" s="299"/>
      <c r="K278" s="299"/>
      <c r="L278" s="297"/>
      <c r="M278" s="299"/>
      <c r="N278" s="299"/>
      <c r="O278" s="203"/>
      <c r="P278" s="203"/>
      <c r="Q278" s="203"/>
      <c r="R278" s="203"/>
      <c r="S278" s="203"/>
      <c r="T278" s="203"/>
      <c r="U278" s="203"/>
      <c r="V278" s="203"/>
      <c r="W278" s="203"/>
      <c r="X278" s="204"/>
      <c r="Y278" s="116"/>
      <c r="Z278" s="190"/>
      <c r="AA278" s="190"/>
      <c r="AB278" s="110"/>
      <c r="AC278" s="116"/>
      <c r="AD278" s="190"/>
      <c r="AE278" s="190"/>
      <c r="AF278" s="110"/>
    </row>
    <row r="279" spans="1:33" ht="18.75" customHeight="1" x14ac:dyDescent="0.2">
      <c r="A279" s="104"/>
      <c r="B279" s="98"/>
      <c r="C279" s="166" t="s">
        <v>245</v>
      </c>
      <c r="D279" s="99" t="s">
        <v>182</v>
      </c>
      <c r="E279" s="100" t="s">
        <v>252</v>
      </c>
      <c r="F279" s="179"/>
      <c r="G279" s="237"/>
      <c r="H279" s="172" t="s">
        <v>248</v>
      </c>
      <c r="I279" s="148" t="s">
        <v>182</v>
      </c>
      <c r="J279" s="119" t="s">
        <v>153</v>
      </c>
      <c r="K279" s="119"/>
      <c r="L279" s="122" t="s">
        <v>182</v>
      </c>
      <c r="M279" s="119" t="s">
        <v>154</v>
      </c>
      <c r="N279" s="119"/>
      <c r="O279" s="151" t="s">
        <v>182</v>
      </c>
      <c r="P279" s="119" t="s">
        <v>155</v>
      </c>
      <c r="Q279" s="149"/>
      <c r="R279" s="149"/>
      <c r="S279" s="149"/>
      <c r="T279" s="149"/>
      <c r="U279" s="149"/>
      <c r="V279" s="149"/>
      <c r="W279" s="149"/>
      <c r="X279" s="150"/>
      <c r="Y279" s="116"/>
      <c r="Z279" s="190"/>
      <c r="AA279" s="190"/>
      <c r="AB279" s="110"/>
      <c r="AC279" s="116"/>
      <c r="AD279" s="190"/>
      <c r="AE279" s="190"/>
      <c r="AF279" s="110"/>
    </row>
    <row r="280" spans="1:33" ht="18.75" customHeight="1" x14ac:dyDescent="0.2">
      <c r="A280" s="104"/>
      <c r="B280" s="98"/>
      <c r="C280" s="105"/>
      <c r="D280" s="99" t="s">
        <v>182</v>
      </c>
      <c r="E280" s="100" t="s">
        <v>253</v>
      </c>
      <c r="F280" s="179"/>
      <c r="G280" s="237"/>
      <c r="H280" s="172" t="s">
        <v>206</v>
      </c>
      <c r="I280" s="118" t="s">
        <v>182</v>
      </c>
      <c r="J280" s="119" t="s">
        <v>153</v>
      </c>
      <c r="K280" s="120"/>
      <c r="L280" s="122" t="s">
        <v>182</v>
      </c>
      <c r="M280" s="119" t="s">
        <v>164</v>
      </c>
      <c r="N280" s="149"/>
      <c r="O280" s="149"/>
      <c r="P280" s="149"/>
      <c r="Q280" s="149"/>
      <c r="R280" s="149"/>
      <c r="S280" s="149"/>
      <c r="T280" s="149"/>
      <c r="U280" s="149"/>
      <c r="V280" s="149"/>
      <c r="W280" s="149"/>
      <c r="X280" s="150"/>
      <c r="Y280" s="116"/>
      <c r="Z280" s="190"/>
      <c r="AA280" s="190"/>
      <c r="AB280" s="110"/>
      <c r="AC280" s="116"/>
      <c r="AD280" s="190"/>
      <c r="AE280" s="190"/>
      <c r="AF280" s="110"/>
    </row>
    <row r="281" spans="1:33" ht="18.75" customHeight="1" x14ac:dyDescent="0.2">
      <c r="A281" s="99"/>
      <c r="B281" s="98"/>
      <c r="C281" s="166"/>
      <c r="D281" s="99"/>
      <c r="E281" s="100"/>
      <c r="F281" s="91"/>
      <c r="G281" s="100"/>
      <c r="H281" s="171" t="s">
        <v>199</v>
      </c>
      <c r="I281" s="118" t="s">
        <v>182</v>
      </c>
      <c r="J281" s="119" t="s">
        <v>153</v>
      </c>
      <c r="K281" s="119"/>
      <c r="L281" s="122" t="s">
        <v>182</v>
      </c>
      <c r="M281" s="129" t="s">
        <v>164</v>
      </c>
      <c r="N281" s="119"/>
      <c r="O281" s="119"/>
      <c r="P281" s="119"/>
      <c r="Q281" s="120"/>
      <c r="R281" s="120"/>
      <c r="S281" s="120"/>
      <c r="T281" s="120"/>
      <c r="U281" s="120"/>
      <c r="V281" s="120"/>
      <c r="W281" s="120"/>
      <c r="X281" s="127"/>
      <c r="Y281" s="116"/>
      <c r="Z281" s="190"/>
      <c r="AA281" s="190"/>
      <c r="AB281" s="110"/>
      <c r="AC281" s="116"/>
      <c r="AD281" s="190"/>
      <c r="AE281" s="190"/>
      <c r="AF281" s="110"/>
    </row>
    <row r="282" spans="1:33" ht="18.75" customHeight="1" x14ac:dyDescent="0.2">
      <c r="A282" s="104"/>
      <c r="B282" s="98"/>
      <c r="C282" s="166"/>
      <c r="D282" s="99"/>
      <c r="E282" s="100"/>
      <c r="F282" s="91"/>
      <c r="G282" s="100"/>
      <c r="H282" s="171" t="s">
        <v>200</v>
      </c>
      <c r="I282" s="118" t="s">
        <v>182</v>
      </c>
      <c r="J282" s="119" t="s">
        <v>153</v>
      </c>
      <c r="K282" s="119"/>
      <c r="L282" s="122" t="s">
        <v>182</v>
      </c>
      <c r="M282" s="129" t="s">
        <v>164</v>
      </c>
      <c r="N282" s="119"/>
      <c r="O282" s="119"/>
      <c r="P282" s="119"/>
      <c r="Q282" s="120"/>
      <c r="R282" s="120"/>
      <c r="S282" s="120"/>
      <c r="T282" s="120"/>
      <c r="U282" s="120"/>
      <c r="V282" s="120"/>
      <c r="W282" s="120"/>
      <c r="X282" s="127"/>
      <c r="Y282" s="116"/>
      <c r="Z282" s="190"/>
      <c r="AA282" s="190"/>
      <c r="AB282" s="110"/>
      <c r="AC282" s="116"/>
      <c r="AD282" s="190"/>
      <c r="AE282" s="190"/>
      <c r="AF282" s="110"/>
    </row>
    <row r="283" spans="1:33" ht="18.75" customHeight="1" x14ac:dyDescent="0.2">
      <c r="A283" s="104"/>
      <c r="B283" s="98"/>
      <c r="C283" s="105"/>
      <c r="D283" s="99"/>
      <c r="E283" s="100"/>
      <c r="F283" s="179"/>
      <c r="G283" s="237"/>
      <c r="H283" s="173" t="s">
        <v>195</v>
      </c>
      <c r="I283" s="118" t="s">
        <v>182</v>
      </c>
      <c r="J283" s="119" t="s">
        <v>153</v>
      </c>
      <c r="K283" s="119"/>
      <c r="L283" s="122" t="s">
        <v>182</v>
      </c>
      <c r="M283" s="119" t="s">
        <v>154</v>
      </c>
      <c r="N283" s="119"/>
      <c r="O283" s="122" t="s">
        <v>182</v>
      </c>
      <c r="P283" s="119" t="s">
        <v>155</v>
      </c>
      <c r="Q283" s="123"/>
      <c r="R283" s="123"/>
      <c r="S283" s="123"/>
      <c r="T283" s="123"/>
      <c r="U283" s="174"/>
      <c r="V283" s="174"/>
      <c r="W283" s="174"/>
      <c r="X283" s="175"/>
      <c r="Y283" s="116"/>
      <c r="Z283" s="190"/>
      <c r="AA283" s="190"/>
      <c r="AB283" s="110"/>
      <c r="AC283" s="116"/>
      <c r="AD283" s="190"/>
      <c r="AE283" s="190"/>
      <c r="AF283" s="110"/>
    </row>
    <row r="284" spans="1:33" ht="18.75" customHeight="1" x14ac:dyDescent="0.2">
      <c r="A284" s="104"/>
      <c r="B284" s="98"/>
      <c r="C284" s="105"/>
      <c r="D284" s="106"/>
      <c r="E284" s="100"/>
      <c r="F284" s="179"/>
      <c r="G284" s="237"/>
      <c r="H284" s="172" t="s">
        <v>101</v>
      </c>
      <c r="I284" s="118" t="s">
        <v>182</v>
      </c>
      <c r="J284" s="119" t="s">
        <v>153</v>
      </c>
      <c r="K284" s="119"/>
      <c r="L284" s="122" t="s">
        <v>182</v>
      </c>
      <c r="M284" s="119" t="s">
        <v>160</v>
      </c>
      <c r="N284" s="119"/>
      <c r="O284" s="122" t="s">
        <v>182</v>
      </c>
      <c r="P284" s="119" t="s">
        <v>161</v>
      </c>
      <c r="Q284" s="149"/>
      <c r="R284" s="122" t="s">
        <v>182</v>
      </c>
      <c r="S284" s="119" t="s">
        <v>170</v>
      </c>
      <c r="T284" s="149"/>
      <c r="U284" s="149"/>
      <c r="V284" s="149"/>
      <c r="W284" s="149"/>
      <c r="X284" s="150"/>
      <c r="Y284" s="116"/>
      <c r="Z284" s="190"/>
      <c r="AA284" s="190"/>
      <c r="AB284" s="110"/>
      <c r="AC284" s="116"/>
      <c r="AD284" s="190"/>
      <c r="AE284" s="190"/>
      <c r="AF284" s="110"/>
    </row>
    <row r="285" spans="1:33" ht="18.75" customHeight="1" x14ac:dyDescent="0.2">
      <c r="A285" s="137"/>
      <c r="B285" s="89"/>
      <c r="C285" s="138"/>
      <c r="D285" s="139"/>
      <c r="E285" s="140"/>
      <c r="F285" s="92"/>
      <c r="G285" s="141"/>
      <c r="H285" s="223" t="s">
        <v>201</v>
      </c>
      <c r="I285" s="208" t="s">
        <v>182</v>
      </c>
      <c r="J285" s="209" t="s">
        <v>153</v>
      </c>
      <c r="K285" s="209"/>
      <c r="L285" s="210" t="s">
        <v>182</v>
      </c>
      <c r="M285" s="209" t="s">
        <v>189</v>
      </c>
      <c r="N285" s="224"/>
      <c r="O285" s="210" t="s">
        <v>182</v>
      </c>
      <c r="P285" s="201" t="s">
        <v>190</v>
      </c>
      <c r="Q285" s="225"/>
      <c r="R285" s="210" t="s">
        <v>182</v>
      </c>
      <c r="S285" s="209" t="s">
        <v>191</v>
      </c>
      <c r="T285" s="225"/>
      <c r="U285" s="210" t="s">
        <v>182</v>
      </c>
      <c r="V285" s="209" t="s">
        <v>192</v>
      </c>
      <c r="W285" s="226"/>
      <c r="X285" s="227"/>
      <c r="Y285" s="142"/>
      <c r="Z285" s="142"/>
      <c r="AA285" s="142"/>
      <c r="AB285" s="143"/>
      <c r="AC285" s="144"/>
      <c r="AD285" s="142"/>
      <c r="AE285" s="142"/>
      <c r="AF285" s="143"/>
    </row>
  </sheetData>
  <mergeCells count="124">
    <mergeCell ref="H259:H260"/>
    <mergeCell ref="I259:I260"/>
    <mergeCell ref="J259:K260"/>
    <mergeCell ref="L259:L260"/>
    <mergeCell ref="M259:N260"/>
    <mergeCell ref="H277:H278"/>
    <mergeCell ref="I277:I278"/>
    <mergeCell ref="J277:K278"/>
    <mergeCell ref="L277:L278"/>
    <mergeCell ref="M277:N278"/>
    <mergeCell ref="H237:H238"/>
    <mergeCell ref="I237:I238"/>
    <mergeCell ref="J237:L238"/>
    <mergeCell ref="M237:M238"/>
    <mergeCell ref="N237:P238"/>
    <mergeCell ref="H249:H250"/>
    <mergeCell ref="I249:I250"/>
    <mergeCell ref="J249:L250"/>
    <mergeCell ref="M249:M250"/>
    <mergeCell ref="N249:P250"/>
    <mergeCell ref="H211:H212"/>
    <mergeCell ref="I211:I212"/>
    <mergeCell ref="J211:L212"/>
    <mergeCell ref="M211:M212"/>
    <mergeCell ref="N211:P212"/>
    <mergeCell ref="H219:H221"/>
    <mergeCell ref="I219:I221"/>
    <mergeCell ref="J219:K221"/>
    <mergeCell ref="L219:L221"/>
    <mergeCell ref="M219:N221"/>
    <mergeCell ref="H152:H153"/>
    <mergeCell ref="I152:I153"/>
    <mergeCell ref="J152:K153"/>
    <mergeCell ref="L152:L153"/>
    <mergeCell ref="M152:N153"/>
    <mergeCell ref="H187:H188"/>
    <mergeCell ref="I187:I188"/>
    <mergeCell ref="J187:L188"/>
    <mergeCell ref="M187:M188"/>
    <mergeCell ref="N187:P188"/>
    <mergeCell ref="H144:H145"/>
    <mergeCell ref="I144:I145"/>
    <mergeCell ref="J144:K145"/>
    <mergeCell ref="L144:L145"/>
    <mergeCell ref="M144:N145"/>
    <mergeCell ref="H147:H148"/>
    <mergeCell ref="I147:I148"/>
    <mergeCell ref="J147:K148"/>
    <mergeCell ref="L147:L148"/>
    <mergeCell ref="M147:N148"/>
    <mergeCell ref="H137:H138"/>
    <mergeCell ref="H104:H105"/>
    <mergeCell ref="I104:I105"/>
    <mergeCell ref="J104:K105"/>
    <mergeCell ref="L104:L105"/>
    <mergeCell ref="M104:N105"/>
    <mergeCell ref="H125:H126"/>
    <mergeCell ref="I125:I126"/>
    <mergeCell ref="J125:K126"/>
    <mergeCell ref="L125:L126"/>
    <mergeCell ref="M125:N126"/>
    <mergeCell ref="H78:H79"/>
    <mergeCell ref="I78:I79"/>
    <mergeCell ref="J78:L79"/>
    <mergeCell ref="M78:M79"/>
    <mergeCell ref="N78:P79"/>
    <mergeCell ref="H94:H95"/>
    <mergeCell ref="I94:I95"/>
    <mergeCell ref="J94:L95"/>
    <mergeCell ref="M94:M95"/>
    <mergeCell ref="N94:P95"/>
    <mergeCell ref="H52:H54"/>
    <mergeCell ref="H59:H61"/>
    <mergeCell ref="I59:I61"/>
    <mergeCell ref="J59:K61"/>
    <mergeCell ref="L59:L61"/>
    <mergeCell ref="M59:N61"/>
    <mergeCell ref="H36:H37"/>
    <mergeCell ref="I36:I37"/>
    <mergeCell ref="J36:K37"/>
    <mergeCell ref="L36:L37"/>
    <mergeCell ref="M36:N37"/>
    <mergeCell ref="H38:H39"/>
    <mergeCell ref="I38:I39"/>
    <mergeCell ref="J38:K39"/>
    <mergeCell ref="L38:L39"/>
    <mergeCell ref="M38:N39"/>
    <mergeCell ref="H32:H33"/>
    <mergeCell ref="I32:I33"/>
    <mergeCell ref="J32:K33"/>
    <mergeCell ref="L32:L33"/>
    <mergeCell ref="M32:N33"/>
    <mergeCell ref="H34:H35"/>
    <mergeCell ref="I34:I35"/>
    <mergeCell ref="J34:K35"/>
    <mergeCell ref="L34:L35"/>
    <mergeCell ref="M34:N35"/>
    <mergeCell ref="H13:H14"/>
    <mergeCell ref="I13:I14"/>
    <mergeCell ref="J13:L14"/>
    <mergeCell ref="M13:M14"/>
    <mergeCell ref="N13:P14"/>
    <mergeCell ref="H28:H30"/>
    <mergeCell ref="I28:I30"/>
    <mergeCell ref="J28:K30"/>
    <mergeCell ref="L28:L30"/>
    <mergeCell ref="M28:N30"/>
    <mergeCell ref="H15:H16"/>
    <mergeCell ref="I15:I16"/>
    <mergeCell ref="J15:L16"/>
    <mergeCell ref="M15:M16"/>
    <mergeCell ref="N15:P16"/>
    <mergeCell ref="A3:AF3"/>
    <mergeCell ref="S5:V5"/>
    <mergeCell ref="A7:C7"/>
    <mergeCell ref="D7:E7"/>
    <mergeCell ref="F7:G7"/>
    <mergeCell ref="H7:X7"/>
    <mergeCell ref="Y7:AB7"/>
    <mergeCell ref="AC7:AF7"/>
    <mergeCell ref="A8:C9"/>
    <mergeCell ref="H8:H9"/>
    <mergeCell ref="Y8:AB9"/>
    <mergeCell ref="AC8:AF9"/>
  </mergeCells>
  <phoneticPr fontId="1"/>
  <dataValidations disablePrompts="1" count="1">
    <dataValidation type="list" allowBlank="1" showInputMessage="1" showErrorMessage="1" sqref="Q8:Q9 U8:U9 L12 M13:M16 M18 L219 M31 O41 O44 P45 R52 M62 O63:O64 L77 O82 R82 L104:L107 T110:T111 O106 M108 P110:P111 AC120:AC122 O127 Q137 L144:L153 M154 M166 O168:O169 O155:O156 O161 O165 Q151 L184 L186 L189:L193 O198 M185 L59 Q216 M222 O223:O224 L236 L259:L262 O261 M263 AC272:AC274 O279 Y99:Y100 M123:M124 Y136:Y137 Y254:Y255 M275:M276 AC99:AC100 AC136:AC137 AC254:AC255 I62:I71 D83:D84 I99:I118 T129:T130 A19 L167:L179 I136:I178 A196 I234:I243 A278 A44 A68 A83 D43:D46 M180 D195:D196 M245 A225 D222:D227 A281 M73 L277:L285 O26:O27 O129:P129 R129:R130 O264:O265 O20:O21 S130 U111:W111 O110:O113 R110:R111 Q111 S111 I123:I134 U130:W130 A252 D261:D266 D34:D36 O130:Q130 D175:D177 A177 L17 O17 O85 L28 U53 O102:O103 O123:O124 M139:M143 M182:M183 O182:O183 M194 O209:O210 Q207 M209:M212 AC216:AC218 Y216:Y218 M234:M235 O234:O235 O247:O248 Q245 M247:M250 O257:O258 O275:O276 O217:O218 I92:I97 AC43 Y43 L32:L52 AC25:AC26 M8:M10 I12:I23 Y25:Y26 O92:O93 O142:O143 O200 U189 X156 L155:L165 R156 U156 O80 R80 U80 O189 R189 O240 A213 L55 I247:I252 M78:M79 M187:M188 M237:M238 M254:M258 D92:D94 A93:A97 I209:I214 Q25 Q56 O57:O58 Y56:Y57 AC56:AC57 I25:I28 O75:O76 M75:M76 M92:M95 I56:I59 U285 M272:M273 I254:I270 O10:O11 I275:I284 U24 D16:D17 R55 U55 A39 U72 Q73 A63 U89 A80 U98 Q90 D96 U119 A107 M120:M121 U135 Y120:Y122 A126 D19:D20 U179 Q180 I216:I219 D192:D193 U206 A156 U215 AC207:AC210 D210:D211 U231 Q232 A222 U244 A250 A237 U253 AC245:AC248 U271 A261 I8:I10 Y10:Y12 AC10:AC12 I73 Y73:Y75 AC73:AC75 I90 AC90:AC93 Y90:Y93 I120:I121 I180 Y180:Y183 AC180:AC183 I207 Y207:Y210 I232 Y232:Y235 AC232:AC235 I245 Y245:Y248 I272:I273 Y272:Y274 M216:M218 O23:O24 L19:L24 R23:R24 A16 M25:M27 O53:O55 I31:I54 M56:M58 A34 D39:D41 R71:R72 L63:L72 O71:O72 D63:D70 L80:L89 O87:O89 R88:R89 I75:I88 M90 D80:D81 O96:O98 R97:R98 L96:L98 M99:M103 O117:O119 R118:R119 L109:L119 D107:D116 O133:O135 R134:R135 L125:L135 D126:D133 M136:M137 O177:O179 R178:R179 D154:D155 D157:D158 L195:L206 O204:O206 R205:R206 I182:I205 M207 A193 L213:L215 O213:O215 R214:R215 D213 A211 O230:O231 L223:L231 R230:R231 I222:I230 M232 L239:L244 O242:O244 R243:R244 D240 D237:D238 R252:R253 O251:O253 L251:L253 D248:D252 A248 R270:R271 L264:L271 O269:O271 O283:O285 R284:R285 D277:D283 F155:F157">
      <formula1>"□,■"</formula1>
    </dataValidation>
  </dataValidations>
  <pageMargins left="0.7" right="0.7" top="0.75" bottom="0.75" header="0.3" footer="0.3"/>
  <pageSetup paperSize="9" scale="50" fitToHeight="0" orientation="landscape" r:id="rId1"/>
  <rowBreaks count="6" manualBreakCount="6">
    <brk id="24" max="31" man="1"/>
    <brk id="72" max="31" man="1"/>
    <brk id="119" min="4" max="31" man="1"/>
    <brk id="135" min="4" max="31" man="1"/>
    <brk id="179" min="4" max="31" man="1"/>
    <brk id="231" max="3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S44"/>
  <sheetViews>
    <sheetView view="pageBreakPreview" zoomScale="70" zoomScaleNormal="100" zoomScaleSheetLayoutView="70" workbookViewId="0"/>
  </sheetViews>
  <sheetFormatPr defaultColWidth="9" defaultRowHeight="20.25" customHeight="1" x14ac:dyDescent="0.2"/>
  <cols>
    <col min="1" max="1" width="2.33203125" style="12" customWidth="1"/>
    <col min="2" max="2" width="25" style="1" bestFit="1" customWidth="1"/>
    <col min="3" max="3" width="41.77734375" style="1" customWidth="1"/>
    <col min="4" max="4" width="15.21875" style="1" customWidth="1"/>
    <col min="5" max="5" width="44.21875" style="1" customWidth="1"/>
    <col min="6" max="6" width="42" style="1" customWidth="1"/>
    <col min="7" max="7" width="22.44140625" style="1" customWidth="1"/>
    <col min="8" max="8" width="5.33203125" style="1" customWidth="1"/>
    <col min="9" max="9" width="15.33203125" style="1" customWidth="1"/>
    <col min="10" max="12" width="5.33203125" style="1" customWidth="1"/>
    <col min="13" max="13" width="6.44140625" style="1" customWidth="1"/>
    <col min="14" max="17" width="5.33203125" style="1" customWidth="1"/>
    <col min="18" max="16384" width="9" style="1"/>
  </cols>
  <sheetData>
    <row r="1" spans="1:17" s="252" customFormat="1" ht="20.25" customHeight="1" x14ac:dyDescent="0.2">
      <c r="A1" s="251"/>
      <c r="B1" s="249" t="s">
        <v>292</v>
      </c>
    </row>
    <row r="2" spans="1:17" s="239" customFormat="1" ht="18.75" customHeight="1" x14ac:dyDescent="0.2">
      <c r="A2" s="240"/>
      <c r="B2" s="243"/>
      <c r="C2" s="243"/>
      <c r="G2" s="253"/>
      <c r="H2" s="253"/>
      <c r="I2" s="253"/>
      <c r="J2" s="253"/>
      <c r="K2" s="253"/>
      <c r="L2" s="253"/>
      <c r="M2" s="253"/>
    </row>
    <row r="3" spans="1:17" s="239" customFormat="1" ht="31.5" customHeight="1" x14ac:dyDescent="0.2">
      <c r="A3" s="250"/>
      <c r="B3" s="301" t="s">
        <v>293</v>
      </c>
      <c r="C3" s="301"/>
      <c r="D3" s="301"/>
      <c r="E3" s="301"/>
      <c r="F3" s="301"/>
      <c r="G3" s="301"/>
      <c r="H3" s="242"/>
      <c r="I3" s="242"/>
      <c r="J3" s="242"/>
      <c r="L3" s="244"/>
      <c r="M3" s="244"/>
      <c r="N3" s="244"/>
      <c r="O3" s="244"/>
      <c r="P3" s="244"/>
      <c r="Q3" s="244"/>
    </row>
    <row r="4" spans="1:17" s="239" customFormat="1" ht="20.25" customHeight="1" x14ac:dyDescent="0.2">
      <c r="A4" s="250"/>
      <c r="B4" s="238" t="s">
        <v>290</v>
      </c>
      <c r="C4" s="242"/>
      <c r="D4" s="242"/>
      <c r="E4" s="242"/>
      <c r="F4" s="242"/>
      <c r="G4" s="242"/>
      <c r="H4" s="242"/>
      <c r="I4" s="242"/>
      <c r="J4" s="242"/>
      <c r="K4" s="242"/>
      <c r="L4" s="244"/>
      <c r="M4" s="244"/>
      <c r="N4" s="244"/>
      <c r="O4" s="244"/>
      <c r="P4" s="244"/>
      <c r="Q4" s="244"/>
    </row>
    <row r="5" spans="1:17" s="239" customFormat="1" ht="20.25" customHeight="1" x14ac:dyDescent="0.2">
      <c r="A5" s="250"/>
      <c r="B5" s="238" t="s">
        <v>294</v>
      </c>
      <c r="C5" s="242"/>
      <c r="D5" s="242"/>
      <c r="E5" s="242"/>
      <c r="F5" s="242"/>
      <c r="G5" s="242"/>
      <c r="H5" s="242"/>
      <c r="I5" s="242"/>
      <c r="J5" s="242"/>
      <c r="K5" s="242"/>
      <c r="L5" s="244"/>
      <c r="M5" s="244"/>
      <c r="N5" s="244"/>
      <c r="O5" s="244"/>
      <c r="P5" s="244"/>
      <c r="Q5" s="244"/>
    </row>
    <row r="6" spans="1:17" s="239" customFormat="1" ht="20.25" customHeight="1" x14ac:dyDescent="0.2">
      <c r="A6" s="244"/>
      <c r="B6" s="238" t="s">
        <v>295</v>
      </c>
      <c r="C6" s="245"/>
      <c r="D6" s="245"/>
      <c r="E6" s="245"/>
      <c r="F6" s="245"/>
      <c r="G6" s="245"/>
      <c r="H6" s="245"/>
      <c r="I6" s="245"/>
      <c r="J6" s="245"/>
      <c r="K6" s="245"/>
      <c r="L6" s="245"/>
      <c r="M6" s="245"/>
      <c r="N6" s="245"/>
      <c r="O6" s="245"/>
      <c r="P6" s="245"/>
      <c r="Q6" s="245"/>
    </row>
    <row r="7" spans="1:17" s="239" customFormat="1" ht="20.25" customHeight="1" x14ac:dyDescent="0.2">
      <c r="A7" s="244"/>
      <c r="B7" s="238" t="s">
        <v>296</v>
      </c>
      <c r="C7" s="245"/>
      <c r="D7" s="245"/>
      <c r="E7" s="245"/>
      <c r="F7" s="245"/>
      <c r="G7" s="245"/>
      <c r="H7" s="245"/>
      <c r="I7" s="245"/>
      <c r="J7" s="245"/>
      <c r="K7" s="245"/>
      <c r="L7" s="245"/>
      <c r="M7" s="245"/>
      <c r="N7" s="245"/>
      <c r="O7" s="245"/>
      <c r="P7" s="245"/>
      <c r="Q7" s="245"/>
    </row>
    <row r="8" spans="1:17" s="239" customFormat="1" ht="20.25" customHeight="1" x14ac:dyDescent="0.2">
      <c r="A8" s="244"/>
      <c r="B8" s="238" t="s">
        <v>297</v>
      </c>
      <c r="C8" s="245"/>
      <c r="D8" s="245"/>
      <c r="E8" s="245"/>
      <c r="F8" s="245"/>
      <c r="G8" s="245"/>
      <c r="H8" s="245"/>
      <c r="I8" s="245"/>
      <c r="J8" s="245"/>
      <c r="K8" s="245"/>
      <c r="L8" s="245"/>
      <c r="M8" s="245"/>
      <c r="N8" s="245"/>
      <c r="O8" s="245"/>
      <c r="P8" s="245"/>
      <c r="Q8" s="245"/>
    </row>
    <row r="9" spans="1:17" s="239" customFormat="1" ht="20.25" customHeight="1" x14ac:dyDescent="0.2">
      <c r="A9" s="244"/>
      <c r="B9" s="238" t="s">
        <v>298</v>
      </c>
      <c r="C9" s="245"/>
      <c r="D9" s="245"/>
      <c r="E9" s="245"/>
      <c r="F9" s="245"/>
      <c r="G9" s="245"/>
      <c r="H9" s="245"/>
      <c r="I9" s="245"/>
      <c r="J9" s="245"/>
      <c r="K9" s="245"/>
      <c r="L9" s="245"/>
      <c r="M9" s="245"/>
      <c r="N9" s="245"/>
      <c r="O9" s="245"/>
      <c r="P9" s="245"/>
      <c r="Q9" s="245"/>
    </row>
    <row r="10" spans="1:17" s="239" customFormat="1" ht="50.25" customHeight="1" x14ac:dyDescent="0.2">
      <c r="A10" s="244"/>
      <c r="B10" s="300" t="s">
        <v>299</v>
      </c>
      <c r="C10" s="300"/>
      <c r="D10" s="300"/>
      <c r="E10" s="300"/>
      <c r="F10" s="300"/>
      <c r="G10" s="300"/>
      <c r="H10" s="300"/>
      <c r="I10" s="300"/>
      <c r="J10" s="245"/>
      <c r="K10" s="245"/>
      <c r="L10" s="245"/>
      <c r="M10" s="245"/>
      <c r="N10" s="245"/>
      <c r="O10" s="245"/>
      <c r="P10" s="245"/>
      <c r="Q10" s="245"/>
    </row>
    <row r="11" spans="1:17" s="239" customFormat="1" ht="21" customHeight="1" x14ac:dyDescent="0.2">
      <c r="A11" s="244"/>
      <c r="B11" s="300" t="s">
        <v>300</v>
      </c>
      <c r="C11" s="300"/>
      <c r="D11" s="300"/>
      <c r="E11" s="300"/>
      <c r="F11" s="300"/>
      <c r="G11" s="300"/>
    </row>
    <row r="12" spans="1:17" s="239" customFormat="1" ht="20.25" customHeight="1" x14ac:dyDescent="0.2">
      <c r="A12" s="244"/>
      <c r="B12" s="238" t="s">
        <v>301</v>
      </c>
      <c r="C12" s="245"/>
      <c r="D12" s="245"/>
      <c r="E12" s="245"/>
      <c r="F12" s="245"/>
      <c r="G12" s="245"/>
      <c r="H12" s="245"/>
      <c r="I12" s="245"/>
      <c r="J12" s="245"/>
      <c r="K12" s="245"/>
      <c r="L12" s="245"/>
      <c r="M12" s="245"/>
      <c r="N12" s="245"/>
      <c r="O12" s="245"/>
      <c r="P12" s="245"/>
      <c r="Q12" s="245"/>
    </row>
    <row r="13" spans="1:17" s="239" customFormat="1" ht="20.25" customHeight="1" x14ac:dyDescent="0.2">
      <c r="A13" s="244"/>
      <c r="B13" s="238" t="s">
        <v>302</v>
      </c>
      <c r="C13" s="245"/>
      <c r="D13" s="245"/>
      <c r="E13" s="245"/>
      <c r="F13" s="245"/>
      <c r="G13" s="245"/>
      <c r="H13" s="245"/>
      <c r="I13" s="245"/>
      <c r="J13" s="245"/>
      <c r="K13" s="245"/>
      <c r="L13" s="245"/>
      <c r="M13" s="245"/>
      <c r="N13" s="245"/>
      <c r="O13" s="245"/>
      <c r="P13" s="245"/>
      <c r="Q13" s="245"/>
    </row>
    <row r="14" spans="1:17" s="239" customFormat="1" ht="20.25" customHeight="1" x14ac:dyDescent="0.2">
      <c r="A14" s="244"/>
      <c r="B14" s="238" t="s">
        <v>303</v>
      </c>
      <c r="C14" s="245"/>
      <c r="D14" s="245"/>
      <c r="E14" s="245"/>
      <c r="F14" s="245"/>
      <c r="G14" s="245"/>
      <c r="H14" s="245"/>
      <c r="I14" s="245"/>
      <c r="J14" s="245"/>
      <c r="K14" s="245"/>
      <c r="L14" s="245"/>
      <c r="M14" s="245"/>
      <c r="N14" s="245"/>
      <c r="O14" s="245"/>
      <c r="P14" s="245"/>
      <c r="Q14" s="245"/>
    </row>
    <row r="15" spans="1:17" s="239" customFormat="1" ht="20.25" customHeight="1" x14ac:dyDescent="0.2">
      <c r="A15" s="244"/>
      <c r="B15" s="238" t="s">
        <v>304</v>
      </c>
      <c r="C15" s="245"/>
      <c r="D15" s="245"/>
      <c r="E15" s="245"/>
      <c r="F15" s="245"/>
      <c r="G15" s="245"/>
      <c r="H15" s="245"/>
      <c r="I15" s="245"/>
      <c r="J15" s="245"/>
      <c r="K15" s="245"/>
      <c r="L15" s="245"/>
      <c r="M15" s="245"/>
      <c r="N15" s="245"/>
      <c r="O15" s="245"/>
      <c r="P15" s="245"/>
      <c r="Q15" s="245"/>
    </row>
    <row r="16" spans="1:17" s="239" customFormat="1" ht="20.25" customHeight="1" x14ac:dyDescent="0.2">
      <c r="A16" s="244"/>
      <c r="B16" s="238" t="s">
        <v>305</v>
      </c>
      <c r="C16" s="245"/>
      <c r="D16" s="245"/>
      <c r="E16" s="245"/>
      <c r="F16" s="245"/>
      <c r="G16" s="245"/>
      <c r="H16" s="245"/>
      <c r="I16" s="245"/>
      <c r="J16" s="245"/>
      <c r="K16" s="245"/>
      <c r="L16" s="245"/>
      <c r="M16" s="245"/>
      <c r="N16" s="245"/>
      <c r="O16" s="245"/>
      <c r="P16" s="245"/>
      <c r="Q16" s="245"/>
    </row>
    <row r="17" spans="1:17" s="239" customFormat="1" ht="20.25" customHeight="1" x14ac:dyDescent="0.2">
      <c r="A17" s="244"/>
      <c r="B17" s="238" t="s">
        <v>306</v>
      </c>
      <c r="C17" s="245"/>
      <c r="D17" s="245"/>
      <c r="E17" s="245"/>
      <c r="F17" s="245"/>
      <c r="G17" s="245"/>
      <c r="H17" s="245"/>
      <c r="I17" s="245"/>
      <c r="J17" s="245"/>
      <c r="K17" s="245"/>
      <c r="L17" s="245"/>
      <c r="M17" s="245"/>
      <c r="N17" s="245"/>
      <c r="O17" s="245"/>
      <c r="P17" s="245"/>
      <c r="Q17" s="245"/>
    </row>
    <row r="18" spans="1:17" s="239" customFormat="1" ht="20.25" customHeight="1" x14ac:dyDescent="0.2">
      <c r="A18" s="244"/>
      <c r="B18" s="238" t="s">
        <v>307</v>
      </c>
      <c r="C18" s="245"/>
      <c r="D18" s="245"/>
      <c r="E18" s="245"/>
      <c r="F18" s="245"/>
      <c r="G18" s="245"/>
      <c r="H18" s="245"/>
      <c r="I18" s="245"/>
      <c r="J18" s="245"/>
      <c r="K18" s="245"/>
      <c r="L18" s="245"/>
      <c r="M18" s="245"/>
      <c r="N18" s="245"/>
      <c r="O18" s="245"/>
      <c r="P18" s="245"/>
      <c r="Q18" s="245"/>
    </row>
    <row r="19" spans="1:17" s="239" customFormat="1" ht="45" customHeight="1" x14ac:dyDescent="0.2">
      <c r="A19" s="244"/>
      <c r="B19" s="300" t="s">
        <v>308</v>
      </c>
      <c r="C19" s="302"/>
      <c r="D19" s="302"/>
      <c r="E19" s="302"/>
      <c r="F19" s="302"/>
      <c r="G19" s="302"/>
      <c r="H19" s="245"/>
      <c r="I19" s="245"/>
      <c r="J19" s="245"/>
      <c r="K19" s="245"/>
      <c r="L19" s="245"/>
      <c r="M19" s="245"/>
      <c r="N19" s="245"/>
      <c r="O19" s="245"/>
      <c r="P19" s="245"/>
      <c r="Q19" s="245"/>
    </row>
    <row r="20" spans="1:17" s="239" customFormat="1" ht="20.25" customHeight="1" x14ac:dyDescent="0.2">
      <c r="A20" s="244"/>
      <c r="B20" s="238" t="s">
        <v>309</v>
      </c>
      <c r="C20" s="245"/>
      <c r="D20" s="245"/>
      <c r="E20" s="245"/>
      <c r="F20" s="238"/>
      <c r="G20" s="238"/>
      <c r="H20" s="245"/>
      <c r="I20" s="245"/>
      <c r="J20" s="245"/>
      <c r="K20" s="245"/>
      <c r="L20" s="245"/>
      <c r="M20" s="245"/>
      <c r="N20" s="245"/>
      <c r="O20" s="245"/>
      <c r="P20" s="245"/>
      <c r="Q20" s="245"/>
    </row>
    <row r="21" spans="1:17" s="246" customFormat="1" ht="19.5" customHeight="1" x14ac:dyDescent="0.2">
      <c r="A21" s="254"/>
      <c r="B21" s="238" t="s">
        <v>310</v>
      </c>
    </row>
    <row r="22" spans="1:17" s="246" customFormat="1" ht="19.5" customHeight="1" x14ac:dyDescent="0.2">
      <c r="A22" s="254"/>
      <c r="B22" s="238" t="s">
        <v>311</v>
      </c>
    </row>
    <row r="23" spans="1:17" s="246" customFormat="1" ht="19.5" customHeight="1" x14ac:dyDescent="0.2">
      <c r="A23" s="254"/>
      <c r="B23" s="238" t="s">
        <v>312</v>
      </c>
      <c r="K23" s="248"/>
      <c r="L23" s="248"/>
      <c r="M23" s="248"/>
      <c r="N23" s="248"/>
    </row>
    <row r="24" spans="1:17" s="246" customFormat="1" ht="19.5" customHeight="1" x14ac:dyDescent="0.2">
      <c r="A24" s="254"/>
      <c r="B24" s="238" t="s">
        <v>313</v>
      </c>
      <c r="K24" s="248"/>
    </row>
    <row r="25" spans="1:17" s="246" customFormat="1" ht="19.5" customHeight="1" x14ac:dyDescent="0.2">
      <c r="A25" s="254"/>
      <c r="B25" s="238" t="s">
        <v>314</v>
      </c>
      <c r="K25" s="248"/>
    </row>
    <row r="26" spans="1:17" s="246" customFormat="1" ht="19.5" customHeight="1" x14ac:dyDescent="0.2">
      <c r="A26" s="254"/>
      <c r="B26" s="238" t="s">
        <v>315</v>
      </c>
    </row>
    <row r="27" spans="1:17" s="246" customFormat="1" ht="19.5" customHeight="1" x14ac:dyDescent="0.2">
      <c r="A27" s="254"/>
      <c r="B27" s="238" t="s">
        <v>316</v>
      </c>
    </row>
    <row r="28" spans="1:17" s="246" customFormat="1" ht="20.25" customHeight="1" x14ac:dyDescent="0.2">
      <c r="A28" s="254"/>
      <c r="B28" s="238" t="s">
        <v>317</v>
      </c>
    </row>
    <row r="29" spans="1:17" s="239" customFormat="1" ht="20.25" customHeight="1" x14ac:dyDescent="0.2">
      <c r="B29" s="238" t="s">
        <v>318</v>
      </c>
      <c r="C29" s="245"/>
      <c r="D29" s="245"/>
      <c r="E29" s="245"/>
      <c r="F29" s="245"/>
      <c r="G29" s="245"/>
      <c r="H29" s="245"/>
      <c r="I29" s="245"/>
      <c r="J29" s="245"/>
      <c r="K29" s="245"/>
    </row>
    <row r="30" spans="1:17" s="239" customFormat="1" ht="19.5" customHeight="1" x14ac:dyDescent="0.2">
      <c r="B30" s="238" t="s">
        <v>319</v>
      </c>
      <c r="C30" s="245"/>
      <c r="D30" s="245"/>
      <c r="E30" s="245"/>
      <c r="F30" s="245"/>
      <c r="G30" s="245"/>
      <c r="H30" s="245"/>
      <c r="I30" s="245"/>
      <c r="J30" s="245"/>
      <c r="K30" s="245"/>
    </row>
    <row r="31" spans="1:17" s="241" customFormat="1" ht="20.25" customHeight="1" x14ac:dyDescent="0.2">
      <c r="B31" s="300" t="s">
        <v>320</v>
      </c>
      <c r="C31" s="300"/>
      <c r="D31" s="300"/>
      <c r="E31" s="300"/>
      <c r="F31" s="300"/>
      <c r="G31" s="300"/>
    </row>
    <row r="32" spans="1:17" s="241" customFormat="1" ht="20.25" customHeight="1" x14ac:dyDescent="0.2">
      <c r="B32" s="238" t="s">
        <v>321</v>
      </c>
      <c r="C32" s="246"/>
      <c r="D32" s="246"/>
      <c r="E32" s="246"/>
    </row>
    <row r="33" spans="1:19" s="241" customFormat="1" ht="20.25" customHeight="1" x14ac:dyDescent="0.2">
      <c r="B33" s="238" t="s">
        <v>322</v>
      </c>
      <c r="C33" s="246"/>
      <c r="D33" s="246"/>
      <c r="E33" s="246"/>
    </row>
    <row r="34" spans="1:19" s="241" customFormat="1" ht="35.25" customHeight="1" x14ac:dyDescent="0.2">
      <c r="B34" s="301" t="s">
        <v>323</v>
      </c>
      <c r="C34" s="301"/>
      <c r="D34" s="301"/>
      <c r="E34" s="301"/>
      <c r="F34" s="301"/>
      <c r="G34" s="301"/>
      <c r="H34" s="301"/>
      <c r="I34" s="301"/>
      <c r="J34" s="301"/>
      <c r="K34" s="301"/>
      <c r="L34" s="301"/>
      <c r="M34" s="301"/>
      <c r="N34" s="301"/>
      <c r="O34" s="301"/>
      <c r="P34" s="301"/>
      <c r="Q34" s="301"/>
      <c r="S34" s="247"/>
    </row>
    <row r="35" spans="1:19" s="241" customFormat="1" ht="20.25" customHeight="1" x14ac:dyDescent="0.2">
      <c r="B35" s="300" t="s">
        <v>324</v>
      </c>
      <c r="C35" s="300"/>
      <c r="D35" s="300"/>
      <c r="E35" s="300"/>
      <c r="F35" s="300"/>
      <c r="G35" s="300"/>
    </row>
    <row r="36" spans="1:19" s="239" customFormat="1" ht="20.25" customHeight="1" x14ac:dyDescent="0.2">
      <c r="A36" s="240"/>
      <c r="B36" s="300" t="s">
        <v>325</v>
      </c>
      <c r="C36" s="300"/>
      <c r="D36" s="300"/>
      <c r="E36" s="300"/>
      <c r="F36" s="300"/>
      <c r="G36" s="300"/>
    </row>
    <row r="37" spans="1:19" s="239" customFormat="1" ht="20.25" customHeight="1" x14ac:dyDescent="0.2">
      <c r="A37" s="240"/>
      <c r="B37" s="300" t="s">
        <v>326</v>
      </c>
      <c r="C37" s="300"/>
      <c r="D37" s="300"/>
      <c r="E37" s="300"/>
      <c r="F37" s="300"/>
      <c r="G37" s="300"/>
    </row>
    <row r="38" spans="1:19" s="241" customFormat="1" ht="20.25" customHeight="1" x14ac:dyDescent="0.2">
      <c r="B38" s="300" t="s">
        <v>327</v>
      </c>
      <c r="C38" s="300"/>
      <c r="D38" s="300"/>
      <c r="E38" s="300"/>
      <c r="F38" s="300"/>
      <c r="G38" s="300"/>
      <c r="H38" s="300"/>
      <c r="I38" s="300"/>
      <c r="J38" s="300"/>
      <c r="K38" s="300"/>
      <c r="L38" s="300"/>
      <c r="M38" s="300"/>
      <c r="N38" s="300"/>
      <c r="O38" s="300"/>
      <c r="P38" s="300"/>
      <c r="Q38" s="300"/>
      <c r="S38" s="247"/>
    </row>
    <row r="39" spans="1:19" s="252" customFormat="1" ht="20.25" customHeight="1" x14ac:dyDescent="0.2">
      <c r="A39" s="251"/>
      <c r="B39" s="238" t="s">
        <v>328</v>
      </c>
      <c r="C39" s="244"/>
      <c r="D39" s="244"/>
      <c r="E39" s="244"/>
    </row>
    <row r="40" spans="1:19" s="239" customFormat="1" ht="20.25" customHeight="1" x14ac:dyDescent="0.2">
      <c r="A40" s="250"/>
      <c r="F40" s="242"/>
      <c r="G40" s="242"/>
      <c r="H40" s="242"/>
      <c r="I40" s="242"/>
      <c r="J40" s="242"/>
      <c r="K40" s="242"/>
    </row>
    <row r="41" spans="1:19" s="239" customFormat="1" ht="20.25" customHeight="1" x14ac:dyDescent="0.2">
      <c r="A41" s="240"/>
      <c r="B41" s="249" t="s">
        <v>329</v>
      </c>
      <c r="C41" s="252"/>
      <c r="D41" s="252"/>
      <c r="E41" s="252"/>
    </row>
    <row r="42" spans="1:19" s="239" customFormat="1" ht="20.25" customHeight="1" x14ac:dyDescent="0.2">
      <c r="A42" s="240"/>
    </row>
    <row r="43" spans="1:19" s="239" customFormat="1" ht="20.25" customHeight="1" x14ac:dyDescent="0.2">
      <c r="A43" s="240"/>
      <c r="B43" s="238" t="s">
        <v>291</v>
      </c>
      <c r="C43" s="242"/>
      <c r="D43" s="242"/>
      <c r="E43" s="242"/>
    </row>
    <row r="44" spans="1:19" s="239" customFormat="1" ht="20.25" customHeight="1" x14ac:dyDescent="0.2">
      <c r="A44" s="240"/>
    </row>
  </sheetData>
  <mergeCells count="10">
    <mergeCell ref="B35:G35"/>
    <mergeCell ref="B36:G36"/>
    <mergeCell ref="B37:G37"/>
    <mergeCell ref="B38:Q38"/>
    <mergeCell ref="B3:G3"/>
    <mergeCell ref="B10:I10"/>
    <mergeCell ref="B11:G11"/>
    <mergeCell ref="B19:G19"/>
    <mergeCell ref="B31:G31"/>
    <mergeCell ref="B34:Q34"/>
  </mergeCells>
  <phoneticPr fontId="1"/>
  <printOptions horizontalCentered="1"/>
  <pageMargins left="0.23622047244094491" right="0.23622047244094491" top="0.74803149606299213" bottom="0.74803149606299213" header="0.31496062992125984" footer="0.31496062992125984"/>
  <pageSetup paperSize="9" scale="54" orientation="landscape" cellComments="asDisplayed" r:id="rId1"/>
  <headerFooter alignWithMargins="0"/>
  <rowBreaks count="1" manualBreakCount="1">
    <brk id="161"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ColWidth="9" defaultRowHeight="13.2" x14ac:dyDescent="0.2"/>
  <cols>
    <col min="1" max="1" width="3.109375" style="3" customWidth="1"/>
    <col min="2" max="2" width="4.21875" style="3" customWidth="1"/>
    <col min="3" max="3" width="3.33203125" style="3" customWidth="1"/>
    <col min="4" max="4" width="0.44140625" style="3" customWidth="1"/>
    <col min="5" max="39" width="3.109375" style="3" customWidth="1"/>
    <col min="40" max="40" width="9" style="14"/>
    <col min="41" max="16384" width="9" style="3"/>
  </cols>
  <sheetData>
    <row r="1" spans="2:40" s="2" customFormat="1" x14ac:dyDescent="0.2">
      <c r="AN1" s="1"/>
    </row>
    <row r="2" spans="2:40" s="2" customFormat="1" x14ac:dyDescent="0.2">
      <c r="B2" s="1" t="s">
        <v>111</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2">
      <c r="Z3" s="312" t="s">
        <v>69</v>
      </c>
      <c r="AA3" s="313"/>
      <c r="AB3" s="313"/>
      <c r="AC3" s="313"/>
      <c r="AD3" s="314"/>
      <c r="AE3" s="328"/>
      <c r="AF3" s="329"/>
      <c r="AG3" s="329"/>
      <c r="AH3" s="329"/>
      <c r="AI3" s="329"/>
      <c r="AJ3" s="329"/>
      <c r="AK3" s="329"/>
      <c r="AL3" s="330"/>
      <c r="AM3" s="20"/>
      <c r="AN3" s="1"/>
    </row>
    <row r="4" spans="2:40" s="2" customFormat="1" x14ac:dyDescent="0.2">
      <c r="AN4" s="21"/>
    </row>
    <row r="5" spans="2:40" s="2" customFormat="1" x14ac:dyDescent="0.2">
      <c r="B5" s="305" t="s">
        <v>41</v>
      </c>
      <c r="C5" s="305"/>
      <c r="D5" s="305"/>
      <c r="E5" s="305"/>
      <c r="F5" s="305"/>
      <c r="G5" s="305"/>
      <c r="H5" s="305"/>
      <c r="I5" s="305"/>
      <c r="J5" s="305"/>
      <c r="K5" s="305"/>
      <c r="L5" s="305"/>
      <c r="M5" s="305"/>
      <c r="N5" s="305"/>
      <c r="O5" s="305"/>
      <c r="P5" s="305"/>
      <c r="Q5" s="305"/>
      <c r="R5" s="305"/>
      <c r="S5" s="305"/>
      <c r="T5" s="305"/>
      <c r="U5" s="305"/>
      <c r="V5" s="305"/>
      <c r="W5" s="305"/>
      <c r="X5" s="305"/>
      <c r="Y5" s="305"/>
      <c r="Z5" s="305"/>
      <c r="AA5" s="305"/>
      <c r="AB5" s="305"/>
      <c r="AC5" s="305"/>
      <c r="AD5" s="305"/>
      <c r="AE5" s="305"/>
      <c r="AF5" s="305"/>
      <c r="AG5" s="305"/>
      <c r="AH5" s="305"/>
      <c r="AI5" s="305"/>
      <c r="AJ5" s="305"/>
      <c r="AK5" s="305"/>
      <c r="AL5" s="305"/>
    </row>
    <row r="6" spans="2:40" s="2" customFormat="1" ht="13.5" customHeight="1" x14ac:dyDescent="0.2">
      <c r="AC6" s="1"/>
      <c r="AD6" s="45"/>
      <c r="AE6" s="45" t="s">
        <v>28</v>
      </c>
      <c r="AH6" s="2" t="s">
        <v>34</v>
      </c>
      <c r="AJ6" s="2" t="s">
        <v>30</v>
      </c>
      <c r="AL6" s="2" t="s">
        <v>29</v>
      </c>
    </row>
    <row r="7" spans="2:40" s="2" customFormat="1" x14ac:dyDescent="0.2">
      <c r="B7" s="305" t="s">
        <v>70</v>
      </c>
      <c r="C7" s="305"/>
      <c r="D7" s="305"/>
      <c r="E7" s="305"/>
      <c r="F7" s="305"/>
      <c r="G7" s="305"/>
      <c r="H7" s="305"/>
      <c r="I7" s="305"/>
      <c r="J7" s="305"/>
      <c r="K7" s="12"/>
      <c r="L7" s="12"/>
      <c r="M7" s="12"/>
      <c r="N7" s="12"/>
      <c r="O7" s="12"/>
      <c r="P7" s="12"/>
      <c r="Q7" s="12"/>
      <c r="R7" s="12"/>
      <c r="S7" s="12"/>
      <c r="T7" s="12"/>
    </row>
    <row r="8" spans="2:40" s="2" customFormat="1" x14ac:dyDescent="0.2">
      <c r="AC8" s="1" t="s">
        <v>62</v>
      </c>
    </row>
    <row r="9" spans="2:40" s="2" customFormat="1" x14ac:dyDescent="0.2">
      <c r="C9" s="1" t="s">
        <v>42</v>
      </c>
      <c r="D9" s="1"/>
    </row>
    <row r="10" spans="2:40" s="2" customFormat="1" ht="6.75" customHeight="1" x14ac:dyDescent="0.2">
      <c r="C10" s="1"/>
      <c r="D10" s="1"/>
    </row>
    <row r="11" spans="2:40" s="2" customFormat="1" ht="14.25" customHeight="1" x14ac:dyDescent="0.2">
      <c r="B11" s="335" t="s">
        <v>71</v>
      </c>
      <c r="C11" s="322" t="s">
        <v>7</v>
      </c>
      <c r="D11" s="323"/>
      <c r="E11" s="323"/>
      <c r="F11" s="323"/>
      <c r="G11" s="323"/>
      <c r="H11" s="323"/>
      <c r="I11" s="323"/>
      <c r="J11" s="323"/>
      <c r="K11" s="35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2">
      <c r="B12" s="336"/>
      <c r="C12" s="315" t="s">
        <v>72</v>
      </c>
      <c r="D12" s="304"/>
      <c r="E12" s="304"/>
      <c r="F12" s="304"/>
      <c r="G12" s="304"/>
      <c r="H12" s="304"/>
      <c r="I12" s="304"/>
      <c r="J12" s="304"/>
      <c r="K12" s="304"/>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2">
      <c r="B13" s="336"/>
      <c r="C13" s="322" t="s">
        <v>8</v>
      </c>
      <c r="D13" s="323"/>
      <c r="E13" s="323"/>
      <c r="F13" s="323"/>
      <c r="G13" s="323"/>
      <c r="H13" s="323"/>
      <c r="I13" s="323"/>
      <c r="J13" s="323"/>
      <c r="K13" s="324"/>
      <c r="L13" s="340" t="s">
        <v>73</v>
      </c>
      <c r="M13" s="341"/>
      <c r="N13" s="341"/>
      <c r="O13" s="341"/>
      <c r="P13" s="341"/>
      <c r="Q13" s="341"/>
      <c r="R13" s="341"/>
      <c r="S13" s="341"/>
      <c r="T13" s="341"/>
      <c r="U13" s="341"/>
      <c r="V13" s="341"/>
      <c r="W13" s="341"/>
      <c r="X13" s="341"/>
      <c r="Y13" s="341"/>
      <c r="Z13" s="341"/>
      <c r="AA13" s="341"/>
      <c r="AB13" s="341"/>
      <c r="AC13" s="341"/>
      <c r="AD13" s="341"/>
      <c r="AE13" s="341"/>
      <c r="AF13" s="341"/>
      <c r="AG13" s="341"/>
      <c r="AH13" s="341"/>
      <c r="AI13" s="341"/>
      <c r="AJ13" s="341"/>
      <c r="AK13" s="341"/>
      <c r="AL13" s="342"/>
    </row>
    <row r="14" spans="2:40" s="2" customFormat="1" x14ac:dyDescent="0.2">
      <c r="B14" s="336"/>
      <c r="C14" s="315"/>
      <c r="D14" s="304"/>
      <c r="E14" s="304"/>
      <c r="F14" s="304"/>
      <c r="G14" s="304"/>
      <c r="H14" s="304"/>
      <c r="I14" s="304"/>
      <c r="J14" s="304"/>
      <c r="K14" s="308"/>
      <c r="L14" s="343" t="s">
        <v>74</v>
      </c>
      <c r="M14" s="344"/>
      <c r="N14" s="344"/>
      <c r="O14" s="344"/>
      <c r="P14" s="344"/>
      <c r="Q14" s="344"/>
      <c r="R14" s="344"/>
      <c r="S14" s="344"/>
      <c r="T14" s="344"/>
      <c r="U14" s="344"/>
      <c r="V14" s="344"/>
      <c r="W14" s="344"/>
      <c r="X14" s="344"/>
      <c r="Y14" s="344"/>
      <c r="Z14" s="344"/>
      <c r="AA14" s="344"/>
      <c r="AB14" s="344"/>
      <c r="AC14" s="344"/>
      <c r="AD14" s="344"/>
      <c r="AE14" s="344"/>
      <c r="AF14" s="344"/>
      <c r="AG14" s="344"/>
      <c r="AH14" s="344"/>
      <c r="AI14" s="344"/>
      <c r="AJ14" s="344"/>
      <c r="AK14" s="344"/>
      <c r="AL14" s="345"/>
    </row>
    <row r="15" spans="2:40" s="2" customFormat="1" x14ac:dyDescent="0.2">
      <c r="B15" s="336"/>
      <c r="C15" s="325"/>
      <c r="D15" s="303"/>
      <c r="E15" s="303"/>
      <c r="F15" s="303"/>
      <c r="G15" s="303"/>
      <c r="H15" s="303"/>
      <c r="I15" s="303"/>
      <c r="J15" s="303"/>
      <c r="K15" s="326"/>
      <c r="L15" s="359" t="s">
        <v>75</v>
      </c>
      <c r="M15" s="360"/>
      <c r="N15" s="360"/>
      <c r="O15" s="360"/>
      <c r="P15" s="360"/>
      <c r="Q15" s="360"/>
      <c r="R15" s="360"/>
      <c r="S15" s="360"/>
      <c r="T15" s="360"/>
      <c r="U15" s="360"/>
      <c r="V15" s="360"/>
      <c r="W15" s="360"/>
      <c r="X15" s="360"/>
      <c r="Y15" s="360"/>
      <c r="Z15" s="360"/>
      <c r="AA15" s="360"/>
      <c r="AB15" s="360"/>
      <c r="AC15" s="360"/>
      <c r="AD15" s="360"/>
      <c r="AE15" s="360"/>
      <c r="AF15" s="360"/>
      <c r="AG15" s="360"/>
      <c r="AH15" s="360"/>
      <c r="AI15" s="360"/>
      <c r="AJ15" s="360"/>
      <c r="AK15" s="360"/>
      <c r="AL15" s="361"/>
    </row>
    <row r="16" spans="2:40" s="2" customFormat="1" ht="14.25" customHeight="1" x14ac:dyDescent="0.2">
      <c r="B16" s="336"/>
      <c r="C16" s="316" t="s">
        <v>76</v>
      </c>
      <c r="D16" s="317"/>
      <c r="E16" s="317"/>
      <c r="F16" s="317"/>
      <c r="G16" s="317"/>
      <c r="H16" s="317"/>
      <c r="I16" s="317"/>
      <c r="J16" s="317"/>
      <c r="K16" s="318"/>
      <c r="L16" s="312" t="s">
        <v>9</v>
      </c>
      <c r="M16" s="313"/>
      <c r="N16" s="313"/>
      <c r="O16" s="313"/>
      <c r="P16" s="314"/>
      <c r="Q16" s="24"/>
      <c r="R16" s="25"/>
      <c r="S16" s="25"/>
      <c r="T16" s="25"/>
      <c r="U16" s="25"/>
      <c r="V16" s="25"/>
      <c r="W16" s="25"/>
      <c r="X16" s="25"/>
      <c r="Y16" s="26"/>
      <c r="Z16" s="319" t="s">
        <v>10</v>
      </c>
      <c r="AA16" s="320"/>
      <c r="AB16" s="320"/>
      <c r="AC16" s="320"/>
      <c r="AD16" s="321"/>
      <c r="AE16" s="28"/>
      <c r="AF16" s="32"/>
      <c r="AG16" s="22"/>
      <c r="AH16" s="22"/>
      <c r="AI16" s="22"/>
      <c r="AJ16" s="341"/>
      <c r="AK16" s="341"/>
      <c r="AL16" s="342"/>
    </row>
    <row r="17" spans="2:40" ht="14.25" customHeight="1" x14ac:dyDescent="0.2">
      <c r="B17" s="336"/>
      <c r="C17" s="355" t="s">
        <v>53</v>
      </c>
      <c r="D17" s="356"/>
      <c r="E17" s="356"/>
      <c r="F17" s="356"/>
      <c r="G17" s="356"/>
      <c r="H17" s="356"/>
      <c r="I17" s="356"/>
      <c r="J17" s="356"/>
      <c r="K17" s="357"/>
      <c r="L17" s="27"/>
      <c r="M17" s="27"/>
      <c r="N17" s="27"/>
      <c r="O17" s="27"/>
      <c r="P17" s="27"/>
      <c r="Q17" s="27"/>
      <c r="R17" s="27"/>
      <c r="S17" s="27"/>
      <c r="U17" s="312" t="s">
        <v>11</v>
      </c>
      <c r="V17" s="313"/>
      <c r="W17" s="313"/>
      <c r="X17" s="313"/>
      <c r="Y17" s="314"/>
      <c r="Z17" s="18"/>
      <c r="AA17" s="19"/>
      <c r="AB17" s="19"/>
      <c r="AC17" s="19"/>
      <c r="AD17" s="19"/>
      <c r="AE17" s="358"/>
      <c r="AF17" s="358"/>
      <c r="AG17" s="358"/>
      <c r="AH17" s="358"/>
      <c r="AI17" s="358"/>
      <c r="AJ17" s="358"/>
      <c r="AK17" s="358"/>
      <c r="AL17" s="17"/>
      <c r="AN17" s="3"/>
    </row>
    <row r="18" spans="2:40" ht="14.25" customHeight="1" x14ac:dyDescent="0.2">
      <c r="B18" s="336"/>
      <c r="C18" s="349" t="s">
        <v>12</v>
      </c>
      <c r="D18" s="349"/>
      <c r="E18" s="349"/>
      <c r="F18" s="349"/>
      <c r="G18" s="349"/>
      <c r="H18" s="350"/>
      <c r="I18" s="350"/>
      <c r="J18" s="350"/>
      <c r="K18" s="351"/>
      <c r="L18" s="312" t="s">
        <v>13</v>
      </c>
      <c r="M18" s="313"/>
      <c r="N18" s="313"/>
      <c r="O18" s="313"/>
      <c r="P18" s="314"/>
      <c r="Q18" s="29"/>
      <c r="R18" s="30"/>
      <c r="S18" s="30"/>
      <c r="T18" s="30"/>
      <c r="U18" s="30"/>
      <c r="V18" s="30"/>
      <c r="W18" s="30"/>
      <c r="X18" s="30"/>
      <c r="Y18" s="31"/>
      <c r="Z18" s="353" t="s">
        <v>14</v>
      </c>
      <c r="AA18" s="353"/>
      <c r="AB18" s="353"/>
      <c r="AC18" s="353"/>
      <c r="AD18" s="354"/>
      <c r="AE18" s="15"/>
      <c r="AF18" s="16"/>
      <c r="AG18" s="16"/>
      <c r="AH18" s="16"/>
      <c r="AI18" s="16"/>
      <c r="AJ18" s="16"/>
      <c r="AK18" s="16"/>
      <c r="AL18" s="17"/>
      <c r="AN18" s="3"/>
    </row>
    <row r="19" spans="2:40" ht="13.5" customHeight="1" x14ac:dyDescent="0.2">
      <c r="B19" s="336"/>
      <c r="C19" s="309" t="s">
        <v>15</v>
      </c>
      <c r="D19" s="309"/>
      <c r="E19" s="309"/>
      <c r="F19" s="309"/>
      <c r="G19" s="309"/>
      <c r="H19" s="338"/>
      <c r="I19" s="338"/>
      <c r="J19" s="338"/>
      <c r="K19" s="338"/>
      <c r="L19" s="340" t="s">
        <v>73</v>
      </c>
      <c r="M19" s="341"/>
      <c r="N19" s="341"/>
      <c r="O19" s="341"/>
      <c r="P19" s="341"/>
      <c r="Q19" s="341"/>
      <c r="R19" s="341"/>
      <c r="S19" s="341"/>
      <c r="T19" s="341"/>
      <c r="U19" s="341"/>
      <c r="V19" s="341"/>
      <c r="W19" s="341"/>
      <c r="X19" s="341"/>
      <c r="Y19" s="341"/>
      <c r="Z19" s="341"/>
      <c r="AA19" s="341"/>
      <c r="AB19" s="341"/>
      <c r="AC19" s="341"/>
      <c r="AD19" s="341"/>
      <c r="AE19" s="341"/>
      <c r="AF19" s="341"/>
      <c r="AG19" s="341"/>
      <c r="AH19" s="341"/>
      <c r="AI19" s="341"/>
      <c r="AJ19" s="341"/>
      <c r="AK19" s="341"/>
      <c r="AL19" s="342"/>
      <c r="AN19" s="3"/>
    </row>
    <row r="20" spans="2:40" ht="14.25" customHeight="1" x14ac:dyDescent="0.2">
      <c r="B20" s="336"/>
      <c r="C20" s="309"/>
      <c r="D20" s="309"/>
      <c r="E20" s="309"/>
      <c r="F20" s="309"/>
      <c r="G20" s="309"/>
      <c r="H20" s="338"/>
      <c r="I20" s="338"/>
      <c r="J20" s="338"/>
      <c r="K20" s="338"/>
      <c r="L20" s="343" t="s">
        <v>74</v>
      </c>
      <c r="M20" s="344"/>
      <c r="N20" s="344"/>
      <c r="O20" s="344"/>
      <c r="P20" s="344"/>
      <c r="Q20" s="344"/>
      <c r="R20" s="344"/>
      <c r="S20" s="344"/>
      <c r="T20" s="344"/>
      <c r="U20" s="344"/>
      <c r="V20" s="344"/>
      <c r="W20" s="344"/>
      <c r="X20" s="344"/>
      <c r="Y20" s="344"/>
      <c r="Z20" s="344"/>
      <c r="AA20" s="344"/>
      <c r="AB20" s="344"/>
      <c r="AC20" s="344"/>
      <c r="AD20" s="344"/>
      <c r="AE20" s="344"/>
      <c r="AF20" s="344"/>
      <c r="AG20" s="344"/>
      <c r="AH20" s="344"/>
      <c r="AI20" s="344"/>
      <c r="AJ20" s="344"/>
      <c r="AK20" s="344"/>
      <c r="AL20" s="345"/>
      <c r="AN20" s="3"/>
    </row>
    <row r="21" spans="2:40" x14ac:dyDescent="0.2">
      <c r="B21" s="337"/>
      <c r="C21" s="331"/>
      <c r="D21" s="331"/>
      <c r="E21" s="331"/>
      <c r="F21" s="331"/>
      <c r="G21" s="331"/>
      <c r="H21" s="339"/>
      <c r="I21" s="339"/>
      <c r="J21" s="339"/>
      <c r="K21" s="339"/>
      <c r="L21" s="346"/>
      <c r="M21" s="347"/>
      <c r="N21" s="347"/>
      <c r="O21" s="347"/>
      <c r="P21" s="347"/>
      <c r="Q21" s="347"/>
      <c r="R21" s="347"/>
      <c r="S21" s="347"/>
      <c r="T21" s="347"/>
      <c r="U21" s="347"/>
      <c r="V21" s="347"/>
      <c r="W21" s="347"/>
      <c r="X21" s="347"/>
      <c r="Y21" s="347"/>
      <c r="Z21" s="347"/>
      <c r="AA21" s="347"/>
      <c r="AB21" s="347"/>
      <c r="AC21" s="347"/>
      <c r="AD21" s="347"/>
      <c r="AE21" s="347"/>
      <c r="AF21" s="347"/>
      <c r="AG21" s="347"/>
      <c r="AH21" s="347"/>
      <c r="AI21" s="347"/>
      <c r="AJ21" s="347"/>
      <c r="AK21" s="347"/>
      <c r="AL21" s="348"/>
      <c r="AN21" s="3"/>
    </row>
    <row r="22" spans="2:40" ht="13.5" customHeight="1" x14ac:dyDescent="0.2">
      <c r="B22" s="362" t="s">
        <v>77</v>
      </c>
      <c r="C22" s="322" t="s">
        <v>108</v>
      </c>
      <c r="D22" s="323"/>
      <c r="E22" s="323"/>
      <c r="F22" s="323"/>
      <c r="G22" s="323"/>
      <c r="H22" s="323"/>
      <c r="I22" s="323"/>
      <c r="J22" s="323"/>
      <c r="K22" s="324"/>
      <c r="L22" s="340" t="s">
        <v>73</v>
      </c>
      <c r="M22" s="341"/>
      <c r="N22" s="341"/>
      <c r="O22" s="341"/>
      <c r="P22" s="341"/>
      <c r="Q22" s="341"/>
      <c r="R22" s="341"/>
      <c r="S22" s="341"/>
      <c r="T22" s="341"/>
      <c r="U22" s="341"/>
      <c r="V22" s="341"/>
      <c r="W22" s="341"/>
      <c r="X22" s="341"/>
      <c r="Y22" s="341"/>
      <c r="Z22" s="341"/>
      <c r="AA22" s="341"/>
      <c r="AB22" s="341"/>
      <c r="AC22" s="341"/>
      <c r="AD22" s="341"/>
      <c r="AE22" s="341"/>
      <c r="AF22" s="341"/>
      <c r="AG22" s="341"/>
      <c r="AH22" s="341"/>
      <c r="AI22" s="341"/>
      <c r="AJ22" s="341"/>
      <c r="AK22" s="341"/>
      <c r="AL22" s="342"/>
      <c r="AN22" s="3"/>
    </row>
    <row r="23" spans="2:40" ht="14.25" customHeight="1" x14ac:dyDescent="0.2">
      <c r="B23" s="363"/>
      <c r="C23" s="315"/>
      <c r="D23" s="304"/>
      <c r="E23" s="304"/>
      <c r="F23" s="304"/>
      <c r="G23" s="304"/>
      <c r="H23" s="304"/>
      <c r="I23" s="304"/>
      <c r="J23" s="304"/>
      <c r="K23" s="308"/>
      <c r="L23" s="343" t="s">
        <v>74</v>
      </c>
      <c r="M23" s="344"/>
      <c r="N23" s="344"/>
      <c r="O23" s="344"/>
      <c r="P23" s="344"/>
      <c r="Q23" s="344"/>
      <c r="R23" s="344"/>
      <c r="S23" s="344"/>
      <c r="T23" s="344"/>
      <c r="U23" s="344"/>
      <c r="V23" s="344"/>
      <c r="W23" s="344"/>
      <c r="X23" s="344"/>
      <c r="Y23" s="344"/>
      <c r="Z23" s="344"/>
      <c r="AA23" s="344"/>
      <c r="AB23" s="344"/>
      <c r="AC23" s="344"/>
      <c r="AD23" s="344"/>
      <c r="AE23" s="344"/>
      <c r="AF23" s="344"/>
      <c r="AG23" s="344"/>
      <c r="AH23" s="344"/>
      <c r="AI23" s="344"/>
      <c r="AJ23" s="344"/>
      <c r="AK23" s="344"/>
      <c r="AL23" s="345"/>
      <c r="AN23" s="3"/>
    </row>
    <row r="24" spans="2:40" x14ac:dyDescent="0.2">
      <c r="B24" s="363"/>
      <c r="C24" s="325"/>
      <c r="D24" s="303"/>
      <c r="E24" s="303"/>
      <c r="F24" s="303"/>
      <c r="G24" s="303"/>
      <c r="H24" s="303"/>
      <c r="I24" s="303"/>
      <c r="J24" s="303"/>
      <c r="K24" s="326"/>
      <c r="L24" s="346"/>
      <c r="M24" s="347"/>
      <c r="N24" s="347"/>
      <c r="O24" s="347"/>
      <c r="P24" s="347"/>
      <c r="Q24" s="347"/>
      <c r="R24" s="347"/>
      <c r="S24" s="347"/>
      <c r="T24" s="347"/>
      <c r="U24" s="347"/>
      <c r="V24" s="347"/>
      <c r="W24" s="347"/>
      <c r="X24" s="347"/>
      <c r="Y24" s="347"/>
      <c r="Z24" s="347"/>
      <c r="AA24" s="347"/>
      <c r="AB24" s="347"/>
      <c r="AC24" s="347"/>
      <c r="AD24" s="347"/>
      <c r="AE24" s="347"/>
      <c r="AF24" s="347"/>
      <c r="AG24" s="347"/>
      <c r="AH24" s="347"/>
      <c r="AI24" s="347"/>
      <c r="AJ24" s="347"/>
      <c r="AK24" s="347"/>
      <c r="AL24" s="348"/>
      <c r="AN24" s="3"/>
    </row>
    <row r="25" spans="2:40" ht="14.25" customHeight="1" x14ac:dyDescent="0.2">
      <c r="B25" s="363"/>
      <c r="C25" s="309" t="s">
        <v>76</v>
      </c>
      <c r="D25" s="309"/>
      <c r="E25" s="309"/>
      <c r="F25" s="309"/>
      <c r="G25" s="309"/>
      <c r="H25" s="309"/>
      <c r="I25" s="309"/>
      <c r="J25" s="309"/>
      <c r="K25" s="309"/>
      <c r="L25" s="312" t="s">
        <v>9</v>
      </c>
      <c r="M25" s="313"/>
      <c r="N25" s="313"/>
      <c r="O25" s="313"/>
      <c r="P25" s="314"/>
      <c r="Q25" s="24"/>
      <c r="R25" s="25"/>
      <c r="S25" s="25"/>
      <c r="T25" s="25"/>
      <c r="U25" s="25"/>
      <c r="V25" s="25"/>
      <c r="W25" s="25"/>
      <c r="X25" s="25"/>
      <c r="Y25" s="26"/>
      <c r="Z25" s="319" t="s">
        <v>10</v>
      </c>
      <c r="AA25" s="320"/>
      <c r="AB25" s="320"/>
      <c r="AC25" s="320"/>
      <c r="AD25" s="321"/>
      <c r="AE25" s="28"/>
      <c r="AF25" s="32"/>
      <c r="AG25" s="22"/>
      <c r="AH25" s="22"/>
      <c r="AI25" s="22"/>
      <c r="AJ25" s="341"/>
      <c r="AK25" s="341"/>
      <c r="AL25" s="342"/>
      <c r="AN25" s="3"/>
    </row>
    <row r="26" spans="2:40" ht="13.5" customHeight="1" x14ac:dyDescent="0.2">
      <c r="B26" s="363"/>
      <c r="C26" s="365" t="s">
        <v>16</v>
      </c>
      <c r="D26" s="365"/>
      <c r="E26" s="365"/>
      <c r="F26" s="365"/>
      <c r="G26" s="365"/>
      <c r="H26" s="365"/>
      <c r="I26" s="365"/>
      <c r="J26" s="365"/>
      <c r="K26" s="365"/>
      <c r="L26" s="340" t="s">
        <v>73</v>
      </c>
      <c r="M26" s="341"/>
      <c r="N26" s="341"/>
      <c r="O26" s="341"/>
      <c r="P26" s="341"/>
      <c r="Q26" s="341"/>
      <c r="R26" s="341"/>
      <c r="S26" s="341"/>
      <c r="T26" s="341"/>
      <c r="U26" s="341"/>
      <c r="V26" s="341"/>
      <c r="W26" s="341"/>
      <c r="X26" s="341"/>
      <c r="Y26" s="341"/>
      <c r="Z26" s="341"/>
      <c r="AA26" s="341"/>
      <c r="AB26" s="341"/>
      <c r="AC26" s="341"/>
      <c r="AD26" s="341"/>
      <c r="AE26" s="341"/>
      <c r="AF26" s="341"/>
      <c r="AG26" s="341"/>
      <c r="AH26" s="341"/>
      <c r="AI26" s="341"/>
      <c r="AJ26" s="341"/>
      <c r="AK26" s="341"/>
      <c r="AL26" s="342"/>
      <c r="AN26" s="3"/>
    </row>
    <row r="27" spans="2:40" ht="14.25" customHeight="1" x14ac:dyDescent="0.2">
      <c r="B27" s="363"/>
      <c r="C27" s="365"/>
      <c r="D27" s="365"/>
      <c r="E27" s="365"/>
      <c r="F27" s="365"/>
      <c r="G27" s="365"/>
      <c r="H27" s="365"/>
      <c r="I27" s="365"/>
      <c r="J27" s="365"/>
      <c r="K27" s="365"/>
      <c r="L27" s="343" t="s">
        <v>74</v>
      </c>
      <c r="M27" s="344"/>
      <c r="N27" s="344"/>
      <c r="O27" s="344"/>
      <c r="P27" s="344"/>
      <c r="Q27" s="344"/>
      <c r="R27" s="344"/>
      <c r="S27" s="344"/>
      <c r="T27" s="344"/>
      <c r="U27" s="344"/>
      <c r="V27" s="344"/>
      <c r="W27" s="344"/>
      <c r="X27" s="344"/>
      <c r="Y27" s="344"/>
      <c r="Z27" s="344"/>
      <c r="AA27" s="344"/>
      <c r="AB27" s="344"/>
      <c r="AC27" s="344"/>
      <c r="AD27" s="344"/>
      <c r="AE27" s="344"/>
      <c r="AF27" s="344"/>
      <c r="AG27" s="344"/>
      <c r="AH27" s="344"/>
      <c r="AI27" s="344"/>
      <c r="AJ27" s="344"/>
      <c r="AK27" s="344"/>
      <c r="AL27" s="345"/>
      <c r="AN27" s="3"/>
    </row>
    <row r="28" spans="2:40" x14ac:dyDescent="0.2">
      <c r="B28" s="363"/>
      <c r="C28" s="365"/>
      <c r="D28" s="365"/>
      <c r="E28" s="365"/>
      <c r="F28" s="365"/>
      <c r="G28" s="365"/>
      <c r="H28" s="365"/>
      <c r="I28" s="365"/>
      <c r="J28" s="365"/>
      <c r="K28" s="365"/>
      <c r="L28" s="346"/>
      <c r="M28" s="347"/>
      <c r="N28" s="347"/>
      <c r="O28" s="347"/>
      <c r="P28" s="347"/>
      <c r="Q28" s="347"/>
      <c r="R28" s="347"/>
      <c r="S28" s="347"/>
      <c r="T28" s="347"/>
      <c r="U28" s="347"/>
      <c r="V28" s="347"/>
      <c r="W28" s="347"/>
      <c r="X28" s="347"/>
      <c r="Y28" s="347"/>
      <c r="Z28" s="347"/>
      <c r="AA28" s="347"/>
      <c r="AB28" s="347"/>
      <c r="AC28" s="347"/>
      <c r="AD28" s="347"/>
      <c r="AE28" s="347"/>
      <c r="AF28" s="347"/>
      <c r="AG28" s="347"/>
      <c r="AH28" s="347"/>
      <c r="AI28" s="347"/>
      <c r="AJ28" s="347"/>
      <c r="AK28" s="347"/>
      <c r="AL28" s="348"/>
      <c r="AN28" s="3"/>
    </row>
    <row r="29" spans="2:40" ht="14.25" customHeight="1" x14ac:dyDescent="0.2">
      <c r="B29" s="363"/>
      <c r="C29" s="309" t="s">
        <v>76</v>
      </c>
      <c r="D29" s="309"/>
      <c r="E29" s="309"/>
      <c r="F29" s="309"/>
      <c r="G29" s="309"/>
      <c r="H29" s="309"/>
      <c r="I29" s="309"/>
      <c r="J29" s="309"/>
      <c r="K29" s="309"/>
      <c r="L29" s="312" t="s">
        <v>9</v>
      </c>
      <c r="M29" s="313"/>
      <c r="N29" s="313"/>
      <c r="O29" s="313"/>
      <c r="P29" s="314"/>
      <c r="Q29" s="28"/>
      <c r="R29" s="32"/>
      <c r="S29" s="32"/>
      <c r="T29" s="32"/>
      <c r="U29" s="32"/>
      <c r="V29" s="32"/>
      <c r="W29" s="32"/>
      <c r="X29" s="32"/>
      <c r="Y29" s="33"/>
      <c r="Z29" s="319" t="s">
        <v>10</v>
      </c>
      <c r="AA29" s="320"/>
      <c r="AB29" s="320"/>
      <c r="AC29" s="320"/>
      <c r="AD29" s="321"/>
      <c r="AE29" s="28"/>
      <c r="AF29" s="32"/>
      <c r="AG29" s="22"/>
      <c r="AH29" s="22"/>
      <c r="AI29" s="22"/>
      <c r="AJ29" s="341"/>
      <c r="AK29" s="341"/>
      <c r="AL29" s="342"/>
      <c r="AN29" s="3"/>
    </row>
    <row r="30" spans="2:40" ht="14.25" customHeight="1" x14ac:dyDescent="0.2">
      <c r="B30" s="363"/>
      <c r="C30" s="309" t="s">
        <v>17</v>
      </c>
      <c r="D30" s="309"/>
      <c r="E30" s="309"/>
      <c r="F30" s="309"/>
      <c r="G30" s="309"/>
      <c r="H30" s="309"/>
      <c r="I30" s="309"/>
      <c r="J30" s="309"/>
      <c r="K30" s="309"/>
      <c r="L30" s="366"/>
      <c r="M30" s="366"/>
      <c r="N30" s="366"/>
      <c r="O30" s="366"/>
      <c r="P30" s="366"/>
      <c r="Q30" s="366"/>
      <c r="R30" s="366"/>
      <c r="S30" s="366"/>
      <c r="T30" s="366"/>
      <c r="U30" s="366"/>
      <c r="V30" s="366"/>
      <c r="W30" s="366"/>
      <c r="X30" s="366"/>
      <c r="Y30" s="366"/>
      <c r="Z30" s="366"/>
      <c r="AA30" s="366"/>
      <c r="AB30" s="366"/>
      <c r="AC30" s="366"/>
      <c r="AD30" s="366"/>
      <c r="AE30" s="366"/>
      <c r="AF30" s="366"/>
      <c r="AG30" s="366"/>
      <c r="AH30" s="366"/>
      <c r="AI30" s="366"/>
      <c r="AJ30" s="366"/>
      <c r="AK30" s="366"/>
      <c r="AL30" s="366"/>
      <c r="AN30" s="3"/>
    </row>
    <row r="31" spans="2:40" ht="13.5" customHeight="1" x14ac:dyDescent="0.2">
      <c r="B31" s="363"/>
      <c r="C31" s="309" t="s">
        <v>18</v>
      </c>
      <c r="D31" s="309"/>
      <c r="E31" s="309"/>
      <c r="F31" s="309"/>
      <c r="G31" s="309"/>
      <c r="H31" s="309"/>
      <c r="I31" s="309"/>
      <c r="J31" s="309"/>
      <c r="K31" s="309"/>
      <c r="L31" s="340" t="s">
        <v>73</v>
      </c>
      <c r="M31" s="341"/>
      <c r="N31" s="341"/>
      <c r="O31" s="341"/>
      <c r="P31" s="341"/>
      <c r="Q31" s="341"/>
      <c r="R31" s="341"/>
      <c r="S31" s="341"/>
      <c r="T31" s="341"/>
      <c r="U31" s="341"/>
      <c r="V31" s="341"/>
      <c r="W31" s="341"/>
      <c r="X31" s="341"/>
      <c r="Y31" s="341"/>
      <c r="Z31" s="341"/>
      <c r="AA31" s="341"/>
      <c r="AB31" s="341"/>
      <c r="AC31" s="341"/>
      <c r="AD31" s="341"/>
      <c r="AE31" s="341"/>
      <c r="AF31" s="341"/>
      <c r="AG31" s="341"/>
      <c r="AH31" s="341"/>
      <c r="AI31" s="341"/>
      <c r="AJ31" s="341"/>
      <c r="AK31" s="341"/>
      <c r="AL31" s="342"/>
      <c r="AN31" s="3"/>
    </row>
    <row r="32" spans="2:40" ht="14.25" customHeight="1" x14ac:dyDescent="0.2">
      <c r="B32" s="363"/>
      <c r="C32" s="309"/>
      <c r="D32" s="309"/>
      <c r="E32" s="309"/>
      <c r="F32" s="309"/>
      <c r="G32" s="309"/>
      <c r="H32" s="309"/>
      <c r="I32" s="309"/>
      <c r="J32" s="309"/>
      <c r="K32" s="309"/>
      <c r="L32" s="343" t="s">
        <v>74</v>
      </c>
      <c r="M32" s="344"/>
      <c r="N32" s="344"/>
      <c r="O32" s="344"/>
      <c r="P32" s="344"/>
      <c r="Q32" s="344"/>
      <c r="R32" s="344"/>
      <c r="S32" s="344"/>
      <c r="T32" s="344"/>
      <c r="U32" s="344"/>
      <c r="V32" s="344"/>
      <c r="W32" s="344"/>
      <c r="X32" s="344"/>
      <c r="Y32" s="344"/>
      <c r="Z32" s="344"/>
      <c r="AA32" s="344"/>
      <c r="AB32" s="344"/>
      <c r="AC32" s="344"/>
      <c r="AD32" s="344"/>
      <c r="AE32" s="344"/>
      <c r="AF32" s="344"/>
      <c r="AG32" s="344"/>
      <c r="AH32" s="344"/>
      <c r="AI32" s="344"/>
      <c r="AJ32" s="344"/>
      <c r="AK32" s="344"/>
      <c r="AL32" s="345"/>
      <c r="AN32" s="3"/>
    </row>
    <row r="33" spans="2:40" x14ac:dyDescent="0.2">
      <c r="B33" s="364"/>
      <c r="C33" s="309"/>
      <c r="D33" s="309"/>
      <c r="E33" s="309"/>
      <c r="F33" s="309"/>
      <c r="G33" s="309"/>
      <c r="H33" s="309"/>
      <c r="I33" s="309"/>
      <c r="J33" s="309"/>
      <c r="K33" s="309"/>
      <c r="L33" s="346"/>
      <c r="M33" s="347"/>
      <c r="N33" s="360"/>
      <c r="O33" s="360"/>
      <c r="P33" s="360"/>
      <c r="Q33" s="360"/>
      <c r="R33" s="360"/>
      <c r="S33" s="360"/>
      <c r="T33" s="360"/>
      <c r="U33" s="360"/>
      <c r="V33" s="360"/>
      <c r="W33" s="360"/>
      <c r="X33" s="360"/>
      <c r="Y33" s="360"/>
      <c r="Z33" s="360"/>
      <c r="AA33" s="360"/>
      <c r="AB33" s="360"/>
      <c r="AC33" s="347"/>
      <c r="AD33" s="347"/>
      <c r="AE33" s="347"/>
      <c r="AF33" s="347"/>
      <c r="AG33" s="347"/>
      <c r="AH33" s="360"/>
      <c r="AI33" s="360"/>
      <c r="AJ33" s="360"/>
      <c r="AK33" s="360"/>
      <c r="AL33" s="361"/>
      <c r="AN33" s="3"/>
    </row>
    <row r="34" spans="2:40" ht="13.5" customHeight="1" x14ac:dyDescent="0.2">
      <c r="B34" s="362" t="s">
        <v>43</v>
      </c>
      <c r="C34" s="390" t="s">
        <v>78</v>
      </c>
      <c r="D34" s="334"/>
      <c r="E34" s="334"/>
      <c r="F34" s="334"/>
      <c r="G34" s="334"/>
      <c r="H34" s="334"/>
      <c r="I34" s="334"/>
      <c r="J34" s="334"/>
      <c r="K34" s="334"/>
      <c r="L34" s="334"/>
      <c r="M34" s="383" t="s">
        <v>19</v>
      </c>
      <c r="N34" s="384"/>
      <c r="O34" s="53" t="s">
        <v>45</v>
      </c>
      <c r="P34" s="49"/>
      <c r="Q34" s="50"/>
      <c r="R34" s="261" t="s">
        <v>20</v>
      </c>
      <c r="S34" s="262"/>
      <c r="T34" s="262"/>
      <c r="U34" s="262"/>
      <c r="V34" s="262"/>
      <c r="W34" s="262"/>
      <c r="X34" s="263"/>
      <c r="Y34" s="387" t="s">
        <v>55</v>
      </c>
      <c r="Z34" s="388"/>
      <c r="AA34" s="388"/>
      <c r="AB34" s="389"/>
      <c r="AC34" s="367" t="s">
        <v>56</v>
      </c>
      <c r="AD34" s="368"/>
      <c r="AE34" s="368"/>
      <c r="AF34" s="368"/>
      <c r="AG34" s="369"/>
      <c r="AH34" s="372" t="s">
        <v>50</v>
      </c>
      <c r="AI34" s="373"/>
      <c r="AJ34" s="373"/>
      <c r="AK34" s="373"/>
      <c r="AL34" s="374"/>
      <c r="AN34" s="3"/>
    </row>
    <row r="35" spans="2:40" ht="14.25" customHeight="1" x14ac:dyDescent="0.2">
      <c r="B35" s="363"/>
      <c r="C35" s="310"/>
      <c r="D35" s="391"/>
      <c r="E35" s="391"/>
      <c r="F35" s="391"/>
      <c r="G35" s="391"/>
      <c r="H35" s="391"/>
      <c r="I35" s="391"/>
      <c r="J35" s="391"/>
      <c r="K35" s="391"/>
      <c r="L35" s="391"/>
      <c r="M35" s="385"/>
      <c r="N35" s="386"/>
      <c r="O35" s="54" t="s">
        <v>46</v>
      </c>
      <c r="P35" s="51"/>
      <c r="Q35" s="52"/>
      <c r="R35" s="264"/>
      <c r="S35" s="265"/>
      <c r="T35" s="265"/>
      <c r="U35" s="265"/>
      <c r="V35" s="265"/>
      <c r="W35" s="265"/>
      <c r="X35" s="266"/>
      <c r="Y35" s="56" t="s">
        <v>31</v>
      </c>
      <c r="Z35" s="55"/>
      <c r="AA35" s="55"/>
      <c r="AB35" s="55"/>
      <c r="AC35" s="375" t="s">
        <v>32</v>
      </c>
      <c r="AD35" s="376"/>
      <c r="AE35" s="376"/>
      <c r="AF35" s="376"/>
      <c r="AG35" s="377"/>
      <c r="AH35" s="378" t="s">
        <v>51</v>
      </c>
      <c r="AI35" s="379"/>
      <c r="AJ35" s="379"/>
      <c r="AK35" s="379"/>
      <c r="AL35" s="380"/>
      <c r="AN35" s="3"/>
    </row>
    <row r="36" spans="2:40" ht="14.25" customHeight="1" x14ac:dyDescent="0.2">
      <c r="B36" s="363"/>
      <c r="C36" s="336"/>
      <c r="D36" s="69"/>
      <c r="E36" s="327" t="s">
        <v>2</v>
      </c>
      <c r="F36" s="327"/>
      <c r="G36" s="327"/>
      <c r="H36" s="327"/>
      <c r="I36" s="327"/>
      <c r="J36" s="327"/>
      <c r="K36" s="327"/>
      <c r="L36" s="394"/>
      <c r="M36" s="37"/>
      <c r="N36" s="36"/>
      <c r="O36" s="18"/>
      <c r="P36" s="19"/>
      <c r="Q36" s="36"/>
      <c r="R36" s="11" t="s">
        <v>57</v>
      </c>
      <c r="S36" s="5"/>
      <c r="T36" s="5"/>
      <c r="U36" s="5"/>
      <c r="V36" s="5"/>
      <c r="W36" s="5"/>
      <c r="X36" s="5"/>
      <c r="Y36" s="9"/>
      <c r="Z36" s="30"/>
      <c r="AA36" s="30"/>
      <c r="AB36" s="30"/>
      <c r="AC36" s="15"/>
      <c r="AD36" s="16"/>
      <c r="AE36" s="16"/>
      <c r="AF36" s="16"/>
      <c r="AG36" s="17"/>
      <c r="AH36" s="15"/>
      <c r="AI36" s="16"/>
      <c r="AJ36" s="16"/>
      <c r="AK36" s="16"/>
      <c r="AL36" s="17" t="s">
        <v>60</v>
      </c>
      <c r="AN36" s="3"/>
    </row>
    <row r="37" spans="2:40" ht="14.25" customHeight="1" x14ac:dyDescent="0.2">
      <c r="B37" s="363"/>
      <c r="C37" s="336"/>
      <c r="D37" s="69"/>
      <c r="E37" s="327" t="s">
        <v>3</v>
      </c>
      <c r="F37" s="370"/>
      <c r="G37" s="370"/>
      <c r="H37" s="370"/>
      <c r="I37" s="370"/>
      <c r="J37" s="370"/>
      <c r="K37" s="370"/>
      <c r="L37" s="371"/>
      <c r="M37" s="37"/>
      <c r="N37" s="36"/>
      <c r="O37" s="18"/>
      <c r="P37" s="19"/>
      <c r="Q37" s="36"/>
      <c r="R37" s="11" t="s">
        <v>57</v>
      </c>
      <c r="S37" s="5"/>
      <c r="T37" s="5"/>
      <c r="U37" s="5"/>
      <c r="V37" s="5"/>
      <c r="W37" s="5"/>
      <c r="X37" s="5"/>
      <c r="Y37" s="9"/>
      <c r="Z37" s="30"/>
      <c r="AA37" s="30"/>
      <c r="AB37" s="30"/>
      <c r="AC37" s="15"/>
      <c r="AD37" s="16"/>
      <c r="AE37" s="16"/>
      <c r="AF37" s="16"/>
      <c r="AG37" s="17"/>
      <c r="AH37" s="15"/>
      <c r="AI37" s="16"/>
      <c r="AJ37" s="16"/>
      <c r="AK37" s="16"/>
      <c r="AL37" s="17" t="s">
        <v>60</v>
      </c>
      <c r="AN37" s="3"/>
    </row>
    <row r="38" spans="2:40" ht="14.25" customHeight="1" x14ac:dyDescent="0.2">
      <c r="B38" s="363"/>
      <c r="C38" s="336"/>
      <c r="D38" s="69"/>
      <c r="E38" s="327" t="s">
        <v>4</v>
      </c>
      <c r="F38" s="370"/>
      <c r="G38" s="370"/>
      <c r="H38" s="370"/>
      <c r="I38" s="370"/>
      <c r="J38" s="370"/>
      <c r="K38" s="370"/>
      <c r="L38" s="371"/>
      <c r="M38" s="37"/>
      <c r="N38" s="36"/>
      <c r="O38" s="18"/>
      <c r="P38" s="19"/>
      <c r="Q38" s="36"/>
      <c r="R38" s="11" t="s">
        <v>57</v>
      </c>
      <c r="S38" s="5"/>
      <c r="T38" s="5"/>
      <c r="U38" s="5"/>
      <c r="V38" s="5"/>
      <c r="W38" s="5"/>
      <c r="X38" s="5"/>
      <c r="Y38" s="9"/>
      <c r="Z38" s="30"/>
      <c r="AA38" s="30"/>
      <c r="AB38" s="30"/>
      <c r="AC38" s="15"/>
      <c r="AD38" s="16"/>
      <c r="AE38" s="16"/>
      <c r="AF38" s="16"/>
      <c r="AG38" s="17"/>
      <c r="AH38" s="15"/>
      <c r="AI38" s="16"/>
      <c r="AJ38" s="16"/>
      <c r="AK38" s="16"/>
      <c r="AL38" s="17" t="s">
        <v>60</v>
      </c>
      <c r="AN38" s="3"/>
    </row>
    <row r="39" spans="2:40" ht="14.25" customHeight="1" x14ac:dyDescent="0.2">
      <c r="B39" s="363"/>
      <c r="C39" s="336"/>
      <c r="D39" s="69"/>
      <c r="E39" s="327" t="s">
        <v>6</v>
      </c>
      <c r="F39" s="370"/>
      <c r="G39" s="370"/>
      <c r="H39" s="370"/>
      <c r="I39" s="370"/>
      <c r="J39" s="370"/>
      <c r="K39" s="370"/>
      <c r="L39" s="371"/>
      <c r="M39" s="37"/>
      <c r="N39" s="36"/>
      <c r="O39" s="18"/>
      <c r="P39" s="19"/>
      <c r="Q39" s="36"/>
      <c r="R39" s="11" t="s">
        <v>57</v>
      </c>
      <c r="S39" s="5"/>
      <c r="T39" s="5"/>
      <c r="U39" s="5"/>
      <c r="V39" s="5"/>
      <c r="W39" s="5"/>
      <c r="X39" s="5"/>
      <c r="Y39" s="9"/>
      <c r="Z39" s="30"/>
      <c r="AA39" s="30"/>
      <c r="AB39" s="30"/>
      <c r="AC39" s="15"/>
      <c r="AD39" s="16"/>
      <c r="AE39" s="16"/>
      <c r="AF39" s="16"/>
      <c r="AG39" s="17"/>
      <c r="AH39" s="15"/>
      <c r="AI39" s="16"/>
      <c r="AJ39" s="16"/>
      <c r="AK39" s="16"/>
      <c r="AL39" s="17" t="s">
        <v>60</v>
      </c>
      <c r="AN39" s="3"/>
    </row>
    <row r="40" spans="2:40" ht="14.25" customHeight="1" x14ac:dyDescent="0.2">
      <c r="B40" s="363"/>
      <c r="C40" s="336"/>
      <c r="D40" s="69"/>
      <c r="E40" s="327" t="s">
        <v>5</v>
      </c>
      <c r="F40" s="370"/>
      <c r="G40" s="370"/>
      <c r="H40" s="370"/>
      <c r="I40" s="370"/>
      <c r="J40" s="370"/>
      <c r="K40" s="370"/>
      <c r="L40" s="371"/>
      <c r="M40" s="37"/>
      <c r="N40" s="36"/>
      <c r="O40" s="18"/>
      <c r="P40" s="19"/>
      <c r="Q40" s="36"/>
      <c r="R40" s="11" t="s">
        <v>57</v>
      </c>
      <c r="S40" s="5"/>
      <c r="T40" s="5"/>
      <c r="U40" s="5"/>
      <c r="V40" s="5"/>
      <c r="W40" s="5"/>
      <c r="X40" s="5"/>
      <c r="Y40" s="9"/>
      <c r="Z40" s="30"/>
      <c r="AA40" s="30"/>
      <c r="AB40" s="30"/>
      <c r="AC40" s="15"/>
      <c r="AD40" s="16"/>
      <c r="AE40" s="16"/>
      <c r="AF40" s="16"/>
      <c r="AG40" s="17"/>
      <c r="AH40" s="15"/>
      <c r="AI40" s="16"/>
      <c r="AJ40" s="16"/>
      <c r="AK40" s="16"/>
      <c r="AL40" s="17" t="s">
        <v>60</v>
      </c>
      <c r="AN40" s="3"/>
    </row>
    <row r="41" spans="2:40" ht="14.25" customHeight="1" thickBot="1" x14ac:dyDescent="0.25">
      <c r="B41" s="363"/>
      <c r="C41" s="336"/>
      <c r="D41" s="70"/>
      <c r="E41" s="307" t="s">
        <v>44</v>
      </c>
      <c r="F41" s="381"/>
      <c r="G41" s="381"/>
      <c r="H41" s="381"/>
      <c r="I41" s="381"/>
      <c r="J41" s="381"/>
      <c r="K41" s="381"/>
      <c r="L41" s="382"/>
      <c r="M41" s="71"/>
      <c r="N41" s="35"/>
      <c r="O41" s="80"/>
      <c r="P41" s="34"/>
      <c r="Q41" s="35"/>
      <c r="R41" s="4" t="s">
        <v>57</v>
      </c>
      <c r="S41" s="81"/>
      <c r="T41" s="81"/>
      <c r="U41" s="81"/>
      <c r="V41" s="81"/>
      <c r="W41" s="81"/>
      <c r="X41" s="81"/>
      <c r="Y41" s="6"/>
      <c r="Z41" s="67"/>
      <c r="AA41" s="67"/>
      <c r="AB41" s="67"/>
      <c r="AC41" s="57"/>
      <c r="AD41" s="58"/>
      <c r="AE41" s="58"/>
      <c r="AF41" s="58"/>
      <c r="AG41" s="59"/>
      <c r="AH41" s="57"/>
      <c r="AI41" s="58"/>
      <c r="AJ41" s="58"/>
      <c r="AK41" s="58"/>
      <c r="AL41" s="59" t="s">
        <v>60</v>
      </c>
      <c r="AN41" s="3"/>
    </row>
    <row r="42" spans="2:40" ht="14.25" customHeight="1" thickTop="1" x14ac:dyDescent="0.2">
      <c r="B42" s="363"/>
      <c r="C42" s="336"/>
      <c r="D42" s="72"/>
      <c r="E42" s="392" t="s">
        <v>63</v>
      </c>
      <c r="F42" s="392"/>
      <c r="G42" s="392"/>
      <c r="H42" s="392"/>
      <c r="I42" s="392"/>
      <c r="J42" s="392"/>
      <c r="K42" s="392"/>
      <c r="L42" s="393"/>
      <c r="M42" s="73"/>
      <c r="N42" s="75"/>
      <c r="O42" s="82"/>
      <c r="P42" s="74"/>
      <c r="Q42" s="75"/>
      <c r="R42" s="83" t="s">
        <v>57</v>
      </c>
      <c r="S42" s="84"/>
      <c r="T42" s="84"/>
      <c r="U42" s="84"/>
      <c r="V42" s="84"/>
      <c r="W42" s="84"/>
      <c r="X42" s="84"/>
      <c r="Y42" s="76"/>
      <c r="Z42" s="77"/>
      <c r="AA42" s="77"/>
      <c r="AB42" s="77"/>
      <c r="AC42" s="85"/>
      <c r="AD42" s="78"/>
      <c r="AE42" s="78"/>
      <c r="AF42" s="78"/>
      <c r="AG42" s="79"/>
      <c r="AH42" s="85"/>
      <c r="AI42" s="78"/>
      <c r="AJ42" s="78"/>
      <c r="AK42" s="78"/>
      <c r="AL42" s="79" t="s">
        <v>60</v>
      </c>
      <c r="AN42" s="3"/>
    </row>
    <row r="43" spans="2:40" ht="14.25" customHeight="1" x14ac:dyDescent="0.2">
      <c r="B43" s="363"/>
      <c r="C43" s="336"/>
      <c r="D43" s="69"/>
      <c r="E43" s="327" t="s">
        <v>64</v>
      </c>
      <c r="F43" s="370"/>
      <c r="G43" s="370"/>
      <c r="H43" s="370"/>
      <c r="I43" s="370"/>
      <c r="J43" s="370"/>
      <c r="K43" s="370"/>
      <c r="L43" s="371"/>
      <c r="M43" s="37"/>
      <c r="N43" s="36"/>
      <c r="O43" s="18"/>
      <c r="P43" s="19"/>
      <c r="Q43" s="36"/>
      <c r="R43" s="11" t="s">
        <v>57</v>
      </c>
      <c r="S43" s="5"/>
      <c r="T43" s="5"/>
      <c r="U43" s="5"/>
      <c r="V43" s="5"/>
      <c r="W43" s="5"/>
      <c r="X43" s="5"/>
      <c r="Y43" s="9"/>
      <c r="Z43" s="30"/>
      <c r="AA43" s="30"/>
      <c r="AB43" s="30"/>
      <c r="AC43" s="15"/>
      <c r="AD43" s="16"/>
      <c r="AE43" s="16"/>
      <c r="AF43" s="16"/>
      <c r="AG43" s="17"/>
      <c r="AH43" s="15"/>
      <c r="AI43" s="16"/>
      <c r="AJ43" s="16"/>
      <c r="AK43" s="16"/>
      <c r="AL43" s="17" t="s">
        <v>60</v>
      </c>
      <c r="AN43" s="3"/>
    </row>
    <row r="44" spans="2:40" ht="14.25" customHeight="1" x14ac:dyDescent="0.2">
      <c r="B44" s="363"/>
      <c r="C44" s="336"/>
      <c r="D44" s="69"/>
      <c r="E44" s="327" t="s">
        <v>65</v>
      </c>
      <c r="F44" s="370"/>
      <c r="G44" s="370"/>
      <c r="H44" s="370"/>
      <c r="I44" s="370"/>
      <c r="J44" s="370"/>
      <c r="K44" s="370"/>
      <c r="L44" s="371"/>
      <c r="M44" s="37"/>
      <c r="N44" s="36"/>
      <c r="O44" s="18"/>
      <c r="P44" s="19"/>
      <c r="Q44" s="36"/>
      <c r="R44" s="11" t="s">
        <v>57</v>
      </c>
      <c r="S44" s="5"/>
      <c r="T44" s="5"/>
      <c r="U44" s="5"/>
      <c r="V44" s="5"/>
      <c r="W44" s="5"/>
      <c r="X44" s="5"/>
      <c r="Y44" s="9"/>
      <c r="Z44" s="30"/>
      <c r="AA44" s="30"/>
      <c r="AB44" s="30"/>
      <c r="AC44" s="15"/>
      <c r="AD44" s="16"/>
      <c r="AE44" s="16"/>
      <c r="AF44" s="16"/>
      <c r="AG44" s="17"/>
      <c r="AH44" s="15"/>
      <c r="AI44" s="16"/>
      <c r="AJ44" s="16"/>
      <c r="AK44" s="16"/>
      <c r="AL44" s="17" t="s">
        <v>60</v>
      </c>
      <c r="AN44" s="3"/>
    </row>
    <row r="45" spans="2:40" ht="14.25" customHeight="1" x14ac:dyDescent="0.2">
      <c r="B45" s="363"/>
      <c r="C45" s="336"/>
      <c r="D45" s="69"/>
      <c r="E45" s="327" t="s">
        <v>66</v>
      </c>
      <c r="F45" s="370"/>
      <c r="G45" s="370"/>
      <c r="H45" s="370"/>
      <c r="I45" s="370"/>
      <c r="J45" s="370"/>
      <c r="K45" s="370"/>
      <c r="L45" s="371"/>
      <c r="M45" s="37"/>
      <c r="N45" s="36"/>
      <c r="O45" s="18"/>
      <c r="P45" s="19"/>
      <c r="Q45" s="36"/>
      <c r="R45" s="11" t="s">
        <v>57</v>
      </c>
      <c r="S45" s="5"/>
      <c r="T45" s="5"/>
      <c r="U45" s="5"/>
      <c r="V45" s="5"/>
      <c r="W45" s="5"/>
      <c r="X45" s="5"/>
      <c r="Y45" s="9"/>
      <c r="Z45" s="30"/>
      <c r="AA45" s="30"/>
      <c r="AB45" s="30"/>
      <c r="AC45" s="15"/>
      <c r="AD45" s="16"/>
      <c r="AE45" s="16"/>
      <c r="AF45" s="16"/>
      <c r="AG45" s="17"/>
      <c r="AH45" s="15"/>
      <c r="AI45" s="16"/>
      <c r="AJ45" s="16"/>
      <c r="AK45" s="16"/>
      <c r="AL45" s="17" t="s">
        <v>60</v>
      </c>
      <c r="AN45" s="3"/>
    </row>
    <row r="46" spans="2:40" ht="14.25" customHeight="1" x14ac:dyDescent="0.2">
      <c r="B46" s="363"/>
      <c r="C46" s="336"/>
      <c r="D46" s="69"/>
      <c r="E46" s="327" t="s">
        <v>67</v>
      </c>
      <c r="F46" s="370"/>
      <c r="G46" s="370"/>
      <c r="H46" s="370"/>
      <c r="I46" s="370"/>
      <c r="J46" s="370"/>
      <c r="K46" s="370"/>
      <c r="L46" s="371"/>
      <c r="M46" s="37"/>
      <c r="N46" s="36"/>
      <c r="O46" s="18"/>
      <c r="P46" s="19"/>
      <c r="Q46" s="36"/>
      <c r="R46" s="11" t="s">
        <v>57</v>
      </c>
      <c r="S46" s="5"/>
      <c r="T46" s="5"/>
      <c r="U46" s="5"/>
      <c r="V46" s="5"/>
      <c r="W46" s="5"/>
      <c r="X46" s="5"/>
      <c r="Y46" s="9"/>
      <c r="Z46" s="30"/>
      <c r="AA46" s="30"/>
      <c r="AB46" s="30"/>
      <c r="AC46" s="15"/>
      <c r="AD46" s="16"/>
      <c r="AE46" s="16"/>
      <c r="AF46" s="16"/>
      <c r="AG46" s="17"/>
      <c r="AH46" s="15"/>
      <c r="AI46" s="16"/>
      <c r="AJ46" s="16"/>
      <c r="AK46" s="16"/>
      <c r="AL46" s="17" t="s">
        <v>60</v>
      </c>
      <c r="AN46" s="3"/>
    </row>
    <row r="47" spans="2:40" ht="14.25" customHeight="1" x14ac:dyDescent="0.2">
      <c r="B47" s="364"/>
      <c r="C47" s="336"/>
      <c r="D47" s="69"/>
      <c r="E47" s="327" t="s">
        <v>68</v>
      </c>
      <c r="F47" s="370"/>
      <c r="G47" s="370"/>
      <c r="H47" s="370"/>
      <c r="I47" s="370"/>
      <c r="J47" s="370"/>
      <c r="K47" s="370"/>
      <c r="L47" s="371"/>
      <c r="M47" s="37"/>
      <c r="N47" s="36"/>
      <c r="O47" s="18"/>
      <c r="P47" s="19"/>
      <c r="Q47" s="36"/>
      <c r="R47" s="11" t="s">
        <v>57</v>
      </c>
      <c r="S47" s="5"/>
      <c r="T47" s="5"/>
      <c r="U47" s="5"/>
      <c r="V47" s="5"/>
      <c r="W47" s="5"/>
      <c r="X47" s="5"/>
      <c r="Y47" s="9"/>
      <c r="Z47" s="30"/>
      <c r="AA47" s="30"/>
      <c r="AB47" s="30"/>
      <c r="AC47" s="15"/>
      <c r="AD47" s="16"/>
      <c r="AE47" s="16"/>
      <c r="AF47" s="16"/>
      <c r="AG47" s="17"/>
      <c r="AH47" s="15"/>
      <c r="AI47" s="16"/>
      <c r="AJ47" s="16"/>
      <c r="AK47" s="16"/>
      <c r="AL47" s="17" t="s">
        <v>60</v>
      </c>
      <c r="AN47" s="3"/>
    </row>
    <row r="48" spans="2:40" ht="14.25" customHeight="1" x14ac:dyDescent="0.2">
      <c r="B48" s="311" t="s">
        <v>47</v>
      </c>
      <c r="C48" s="311"/>
      <c r="D48" s="311"/>
      <c r="E48" s="311"/>
      <c r="F48" s="311"/>
      <c r="G48" s="311"/>
      <c r="H48" s="311"/>
      <c r="I48" s="311"/>
      <c r="J48" s="311"/>
      <c r="K48" s="311"/>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x14ac:dyDescent="0.2">
      <c r="B49" s="311" t="s">
        <v>48</v>
      </c>
      <c r="C49" s="311"/>
      <c r="D49" s="311"/>
      <c r="E49" s="311"/>
      <c r="F49" s="311"/>
      <c r="G49" s="311"/>
      <c r="H49" s="311"/>
      <c r="I49" s="311"/>
      <c r="J49" s="311"/>
      <c r="K49" s="306"/>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x14ac:dyDescent="0.2">
      <c r="B50" s="349" t="s">
        <v>21</v>
      </c>
      <c r="C50" s="349"/>
      <c r="D50" s="349"/>
      <c r="E50" s="349"/>
      <c r="F50" s="349"/>
      <c r="G50" s="349"/>
      <c r="H50" s="349"/>
      <c r="I50" s="349"/>
      <c r="J50" s="349"/>
      <c r="K50" s="349"/>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x14ac:dyDescent="0.2">
      <c r="B51" s="395" t="s">
        <v>49</v>
      </c>
      <c r="C51" s="395"/>
      <c r="D51" s="395"/>
      <c r="E51" s="395"/>
      <c r="F51" s="395"/>
      <c r="G51" s="395"/>
      <c r="H51" s="395"/>
      <c r="I51" s="395"/>
      <c r="J51" s="395"/>
      <c r="K51" s="395"/>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x14ac:dyDescent="0.2">
      <c r="B52" s="332" t="s">
        <v>40</v>
      </c>
      <c r="C52" s="333"/>
      <c r="D52" s="333"/>
      <c r="E52" s="333"/>
      <c r="F52" s="333"/>
      <c r="G52" s="333"/>
      <c r="H52" s="333"/>
      <c r="I52" s="333"/>
      <c r="J52" s="333"/>
      <c r="K52" s="333"/>
      <c r="L52" s="333"/>
      <c r="M52" s="333"/>
      <c r="N52" s="333"/>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2">
      <c r="B53" s="335" t="s">
        <v>22</v>
      </c>
      <c r="C53" s="396" t="s">
        <v>79</v>
      </c>
      <c r="D53" s="353"/>
      <c r="E53" s="353"/>
      <c r="F53" s="353"/>
      <c r="G53" s="353"/>
      <c r="H53" s="353"/>
      <c r="I53" s="353"/>
      <c r="J53" s="353"/>
      <c r="K53" s="353"/>
      <c r="L53" s="353"/>
      <c r="M53" s="353"/>
      <c r="N53" s="353"/>
      <c r="O53" s="353"/>
      <c r="P53" s="353"/>
      <c r="Q53" s="353"/>
      <c r="R53" s="353"/>
      <c r="S53" s="353"/>
      <c r="T53" s="354"/>
      <c r="U53" s="396" t="s">
        <v>33</v>
      </c>
      <c r="V53" s="397"/>
      <c r="W53" s="397"/>
      <c r="X53" s="397"/>
      <c r="Y53" s="397"/>
      <c r="Z53" s="397"/>
      <c r="AA53" s="397"/>
      <c r="AB53" s="397"/>
      <c r="AC53" s="397"/>
      <c r="AD53" s="397"/>
      <c r="AE53" s="397"/>
      <c r="AF53" s="397"/>
      <c r="AG53" s="397"/>
      <c r="AH53" s="397"/>
      <c r="AI53" s="397"/>
      <c r="AJ53" s="397"/>
      <c r="AK53" s="397"/>
      <c r="AL53" s="398"/>
      <c r="AN53" s="3"/>
    </row>
    <row r="54" spans="2:40" x14ac:dyDescent="0.2">
      <c r="B54" s="336"/>
      <c r="C54" s="399"/>
      <c r="D54" s="400"/>
      <c r="E54" s="400"/>
      <c r="F54" s="400"/>
      <c r="G54" s="400"/>
      <c r="H54" s="400"/>
      <c r="I54" s="400"/>
      <c r="J54" s="400"/>
      <c r="K54" s="400"/>
      <c r="L54" s="400"/>
      <c r="M54" s="400"/>
      <c r="N54" s="400"/>
      <c r="O54" s="400"/>
      <c r="P54" s="400"/>
      <c r="Q54" s="400"/>
      <c r="R54" s="400"/>
      <c r="S54" s="400"/>
      <c r="T54" s="384"/>
      <c r="U54" s="399"/>
      <c r="V54" s="400"/>
      <c r="W54" s="400"/>
      <c r="X54" s="400"/>
      <c r="Y54" s="400"/>
      <c r="Z54" s="400"/>
      <c r="AA54" s="400"/>
      <c r="AB54" s="400"/>
      <c r="AC54" s="400"/>
      <c r="AD54" s="400"/>
      <c r="AE54" s="400"/>
      <c r="AF54" s="400"/>
      <c r="AG54" s="400"/>
      <c r="AH54" s="400"/>
      <c r="AI54" s="400"/>
      <c r="AJ54" s="400"/>
      <c r="AK54" s="400"/>
      <c r="AL54" s="384"/>
      <c r="AN54" s="3"/>
    </row>
    <row r="55" spans="2:40" x14ac:dyDescent="0.2">
      <c r="B55" s="336"/>
      <c r="C55" s="401"/>
      <c r="D55" s="402"/>
      <c r="E55" s="402"/>
      <c r="F55" s="402"/>
      <c r="G55" s="402"/>
      <c r="H55" s="402"/>
      <c r="I55" s="402"/>
      <c r="J55" s="402"/>
      <c r="K55" s="402"/>
      <c r="L55" s="402"/>
      <c r="M55" s="402"/>
      <c r="N55" s="402"/>
      <c r="O55" s="402"/>
      <c r="P55" s="402"/>
      <c r="Q55" s="402"/>
      <c r="R55" s="402"/>
      <c r="S55" s="402"/>
      <c r="T55" s="386"/>
      <c r="U55" s="401"/>
      <c r="V55" s="402"/>
      <c r="W55" s="402"/>
      <c r="X55" s="402"/>
      <c r="Y55" s="402"/>
      <c r="Z55" s="402"/>
      <c r="AA55" s="402"/>
      <c r="AB55" s="402"/>
      <c r="AC55" s="402"/>
      <c r="AD55" s="402"/>
      <c r="AE55" s="402"/>
      <c r="AF55" s="402"/>
      <c r="AG55" s="402"/>
      <c r="AH55" s="402"/>
      <c r="AI55" s="402"/>
      <c r="AJ55" s="402"/>
      <c r="AK55" s="402"/>
      <c r="AL55" s="386"/>
      <c r="AN55" s="3"/>
    </row>
    <row r="56" spans="2:40" x14ac:dyDescent="0.2">
      <c r="B56" s="336"/>
      <c r="C56" s="401"/>
      <c r="D56" s="402"/>
      <c r="E56" s="402"/>
      <c r="F56" s="402"/>
      <c r="G56" s="402"/>
      <c r="H56" s="402"/>
      <c r="I56" s="402"/>
      <c r="J56" s="402"/>
      <c r="K56" s="402"/>
      <c r="L56" s="402"/>
      <c r="M56" s="402"/>
      <c r="N56" s="402"/>
      <c r="O56" s="402"/>
      <c r="P56" s="402"/>
      <c r="Q56" s="402"/>
      <c r="R56" s="402"/>
      <c r="S56" s="402"/>
      <c r="T56" s="386"/>
      <c r="U56" s="401"/>
      <c r="V56" s="402"/>
      <c r="W56" s="402"/>
      <c r="X56" s="402"/>
      <c r="Y56" s="402"/>
      <c r="Z56" s="402"/>
      <c r="AA56" s="402"/>
      <c r="AB56" s="402"/>
      <c r="AC56" s="402"/>
      <c r="AD56" s="402"/>
      <c r="AE56" s="402"/>
      <c r="AF56" s="402"/>
      <c r="AG56" s="402"/>
      <c r="AH56" s="402"/>
      <c r="AI56" s="402"/>
      <c r="AJ56" s="402"/>
      <c r="AK56" s="402"/>
      <c r="AL56" s="386"/>
      <c r="AN56" s="3"/>
    </row>
    <row r="57" spans="2:40" x14ac:dyDescent="0.2">
      <c r="B57" s="337"/>
      <c r="C57" s="403"/>
      <c r="D57" s="397"/>
      <c r="E57" s="397"/>
      <c r="F57" s="397"/>
      <c r="G57" s="397"/>
      <c r="H57" s="397"/>
      <c r="I57" s="397"/>
      <c r="J57" s="397"/>
      <c r="K57" s="397"/>
      <c r="L57" s="397"/>
      <c r="M57" s="397"/>
      <c r="N57" s="397"/>
      <c r="O57" s="397"/>
      <c r="P57" s="397"/>
      <c r="Q57" s="397"/>
      <c r="R57" s="397"/>
      <c r="S57" s="397"/>
      <c r="T57" s="398"/>
      <c r="U57" s="403"/>
      <c r="V57" s="397"/>
      <c r="W57" s="397"/>
      <c r="X57" s="397"/>
      <c r="Y57" s="397"/>
      <c r="Z57" s="397"/>
      <c r="AA57" s="397"/>
      <c r="AB57" s="397"/>
      <c r="AC57" s="397"/>
      <c r="AD57" s="397"/>
      <c r="AE57" s="397"/>
      <c r="AF57" s="397"/>
      <c r="AG57" s="397"/>
      <c r="AH57" s="397"/>
      <c r="AI57" s="397"/>
      <c r="AJ57" s="397"/>
      <c r="AK57" s="397"/>
      <c r="AL57" s="398"/>
      <c r="AN57" s="3"/>
    </row>
    <row r="58" spans="2:40" ht="14.25" customHeight="1" x14ac:dyDescent="0.2">
      <c r="B58" s="312" t="s">
        <v>23</v>
      </c>
      <c r="C58" s="313"/>
      <c r="D58" s="313"/>
      <c r="E58" s="313"/>
      <c r="F58" s="314"/>
      <c r="G58" s="349" t="s">
        <v>24</v>
      </c>
      <c r="H58" s="349"/>
      <c r="I58" s="349"/>
      <c r="J58" s="349"/>
      <c r="K58" s="349"/>
      <c r="L58" s="349"/>
      <c r="M58" s="349"/>
      <c r="N58" s="349"/>
      <c r="O58" s="349"/>
      <c r="P58" s="349"/>
      <c r="Q58" s="349"/>
      <c r="R58" s="349"/>
      <c r="S58" s="349"/>
      <c r="T58" s="349"/>
      <c r="U58" s="349"/>
      <c r="V58" s="349"/>
      <c r="W58" s="349"/>
      <c r="X58" s="349"/>
      <c r="Y58" s="349"/>
      <c r="Z58" s="349"/>
      <c r="AA58" s="349"/>
      <c r="AB58" s="349"/>
      <c r="AC58" s="349"/>
      <c r="AD58" s="349"/>
      <c r="AE58" s="349"/>
      <c r="AF58" s="349"/>
      <c r="AG58" s="349"/>
      <c r="AH58" s="349"/>
      <c r="AI58" s="349"/>
      <c r="AJ58" s="349"/>
      <c r="AK58" s="349"/>
      <c r="AL58" s="349"/>
      <c r="AN58" s="3"/>
    </row>
    <row r="60" spans="2:40" x14ac:dyDescent="0.2">
      <c r="B60" s="14" t="s">
        <v>52</v>
      </c>
    </row>
    <row r="61" spans="2:40" x14ac:dyDescent="0.2">
      <c r="B61" s="14" t="s">
        <v>105</v>
      </c>
    </row>
    <row r="62" spans="2:40" x14ac:dyDescent="0.2">
      <c r="B62" s="14" t="s">
        <v>106</v>
      </c>
    </row>
    <row r="63" spans="2:40" x14ac:dyDescent="0.2">
      <c r="B63" s="14" t="s">
        <v>109</v>
      </c>
    </row>
    <row r="64" spans="2:40" x14ac:dyDescent="0.2">
      <c r="B64" s="14" t="s">
        <v>58</v>
      </c>
    </row>
    <row r="65" spans="2:41" x14ac:dyDescent="0.2">
      <c r="B65" s="14" t="s">
        <v>80</v>
      </c>
    </row>
    <row r="66" spans="2:41" x14ac:dyDescent="0.2">
      <c r="B66" s="14" t="s">
        <v>59</v>
      </c>
      <c r="AN66" s="3"/>
      <c r="AO66" s="14"/>
    </row>
    <row r="67" spans="2:41" x14ac:dyDescent="0.2">
      <c r="B67" s="14" t="s">
        <v>54</v>
      </c>
    </row>
    <row r="68" spans="2:41" x14ac:dyDescent="0.2">
      <c r="B68" s="14" t="s">
        <v>61</v>
      </c>
    </row>
    <row r="69" spans="2:41" x14ac:dyDescent="0.2">
      <c r="B69" s="14" t="s">
        <v>107</v>
      </c>
    </row>
    <row r="70" spans="2:41" x14ac:dyDescent="0.2">
      <c r="B70" s="14" t="s">
        <v>104</v>
      </c>
    </row>
    <row r="84" spans="2:2" ht="12.75" customHeight="1" x14ac:dyDescent="0.2">
      <c r="B84" s="46"/>
    </row>
    <row r="85" spans="2:2" ht="12.75" customHeight="1" x14ac:dyDescent="0.2">
      <c r="B85" s="46" t="s">
        <v>35</v>
      </c>
    </row>
    <row r="86" spans="2:2" ht="12.75" customHeight="1" x14ac:dyDescent="0.2">
      <c r="B86" s="46" t="s">
        <v>25</v>
      </c>
    </row>
    <row r="87" spans="2:2" ht="12.75" customHeight="1" x14ac:dyDescent="0.2">
      <c r="B87" s="46" t="s">
        <v>26</v>
      </c>
    </row>
    <row r="88" spans="2:2" ht="12.75" customHeight="1" x14ac:dyDescent="0.2">
      <c r="B88" s="46" t="s">
        <v>36</v>
      </c>
    </row>
    <row r="89" spans="2:2" ht="12.75" customHeight="1" x14ac:dyDescent="0.2">
      <c r="B89" s="46" t="s">
        <v>27</v>
      </c>
    </row>
    <row r="90" spans="2:2" ht="12.75" customHeight="1" x14ac:dyDescent="0.2">
      <c r="B90" s="46" t="s">
        <v>37</v>
      </c>
    </row>
    <row r="91" spans="2:2" ht="12.75" customHeight="1" x14ac:dyDescent="0.2">
      <c r="B91" s="46" t="s">
        <v>38</v>
      </c>
    </row>
    <row r="92" spans="2:2" ht="12.75" customHeight="1" x14ac:dyDescent="0.2">
      <c r="B92" s="46" t="s">
        <v>39</v>
      </c>
    </row>
    <row r="93" spans="2:2" ht="12.75" customHeight="1" x14ac:dyDescent="0.2"/>
    <row r="94" spans="2:2" ht="12.75" customHeight="1" x14ac:dyDescent="0.2"/>
    <row r="95" spans="2:2" ht="12.75" customHeight="1" x14ac:dyDescent="0.2"/>
    <row r="96" spans="2:2" ht="12.75" customHeight="1" x14ac:dyDescent="0.2"/>
    <row r="97" ht="12.75" customHeight="1" x14ac:dyDescent="0.2"/>
    <row r="98" ht="12.75" customHeight="1" x14ac:dyDescent="0.2"/>
    <row r="99" ht="12.75" customHeight="1" x14ac:dyDescent="0.2"/>
    <row r="100" ht="12.75" customHeight="1" x14ac:dyDescent="0.2"/>
    <row r="101" ht="12.75" customHeight="1" x14ac:dyDescent="0.2"/>
    <row r="102" ht="12.75" customHeight="1" x14ac:dyDescent="0.2"/>
    <row r="103" ht="12.75" customHeight="1" x14ac:dyDescent="0.2"/>
    <row r="104" ht="12.75" customHeight="1" x14ac:dyDescent="0.2"/>
    <row r="105" ht="12.75" customHeight="1" x14ac:dyDescent="0.2"/>
    <row r="106" ht="12.75" customHeight="1" x14ac:dyDescent="0.2"/>
    <row r="107" ht="12.75" customHeight="1" x14ac:dyDescent="0.2"/>
    <row r="108" ht="12.75" customHeight="1" x14ac:dyDescent="0.2"/>
    <row r="109" ht="12.75" customHeight="1" x14ac:dyDescent="0.2"/>
    <row r="110" ht="12.75" customHeight="1" x14ac:dyDescent="0.2"/>
    <row r="111" ht="12.75" customHeight="1" x14ac:dyDescent="0.2"/>
    <row r="112" ht="12.75" customHeight="1" x14ac:dyDescent="0.2"/>
    <row r="113" ht="12.75" customHeight="1" x14ac:dyDescent="0.2"/>
    <row r="114" ht="12.75" customHeight="1" x14ac:dyDescent="0.2"/>
    <row r="115" ht="12.75" customHeight="1" x14ac:dyDescent="0.2"/>
    <row r="116" ht="12.75" customHeight="1" x14ac:dyDescent="0.2"/>
    <row r="117" ht="12.75" customHeight="1" x14ac:dyDescent="0.2"/>
    <row r="118" ht="12.75" customHeight="1" x14ac:dyDescent="0.2"/>
    <row r="119" ht="12.75" customHeight="1" x14ac:dyDescent="0.2"/>
    <row r="120" ht="12.75" customHeight="1" x14ac:dyDescent="0.2"/>
    <row r="121" ht="12.75" customHeight="1" x14ac:dyDescent="0.2"/>
    <row r="122" ht="12.75" customHeight="1" x14ac:dyDescent="0.2"/>
    <row r="123" ht="12.75" customHeight="1" x14ac:dyDescent="0.2"/>
    <row r="124" ht="12.75" customHeight="1" x14ac:dyDescent="0.2"/>
    <row r="125" ht="12.75" customHeight="1" x14ac:dyDescent="0.2"/>
    <row r="126" ht="12.75" customHeight="1" x14ac:dyDescent="0.2"/>
    <row r="127" ht="12.75" customHeight="1" x14ac:dyDescent="0.2"/>
    <row r="128" ht="12.75" customHeight="1" x14ac:dyDescent="0.2"/>
    <row r="129" ht="12.75" customHeight="1" x14ac:dyDescent="0.2"/>
    <row r="130" ht="12.75" customHeight="1" x14ac:dyDescent="0.2"/>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C36:C41"/>
    <mergeCell ref="E36:L36"/>
    <mergeCell ref="E37:L37"/>
    <mergeCell ref="E38:L38"/>
    <mergeCell ref="E39:L39"/>
    <mergeCell ref="AC34:AG34"/>
    <mergeCell ref="E45:L45"/>
    <mergeCell ref="E46:L46"/>
    <mergeCell ref="AH34:AL34"/>
    <mergeCell ref="AC35:AG35"/>
    <mergeCell ref="AH35:AL35"/>
    <mergeCell ref="E40:L40"/>
    <mergeCell ref="E41:L41"/>
    <mergeCell ref="M34:N35"/>
    <mergeCell ref="R34:X35"/>
    <mergeCell ref="Y34:AB34"/>
    <mergeCell ref="C30:K30"/>
    <mergeCell ref="L30:AL30"/>
    <mergeCell ref="C31:K33"/>
    <mergeCell ref="L31:AL31"/>
    <mergeCell ref="L32:AL32"/>
    <mergeCell ref="L33:AL33"/>
    <mergeCell ref="B22:B33"/>
    <mergeCell ref="C22:K24"/>
    <mergeCell ref="L22:AL22"/>
    <mergeCell ref="L23:AL23"/>
    <mergeCell ref="L24:AL24"/>
    <mergeCell ref="C25:K25"/>
    <mergeCell ref="L25:P25"/>
    <mergeCell ref="Z25:AD25"/>
    <mergeCell ref="AJ25:AL25"/>
    <mergeCell ref="C26:K28"/>
    <mergeCell ref="C29:K29"/>
    <mergeCell ref="L29:P29"/>
    <mergeCell ref="Z29:AD29"/>
    <mergeCell ref="AJ29:AL29"/>
    <mergeCell ref="L26:AL26"/>
    <mergeCell ref="L27:AL27"/>
    <mergeCell ref="L28:AL28"/>
    <mergeCell ref="C11:K11"/>
    <mergeCell ref="C12:K12"/>
    <mergeCell ref="C13:K15"/>
    <mergeCell ref="L13:AL13"/>
    <mergeCell ref="L14:AL14"/>
    <mergeCell ref="L18:P18"/>
    <mergeCell ref="Z18:AD18"/>
    <mergeCell ref="C17:K17"/>
    <mergeCell ref="U17:Y17"/>
    <mergeCell ref="AE17:AK17"/>
    <mergeCell ref="L15:AL15"/>
    <mergeCell ref="C16:K16"/>
    <mergeCell ref="L16:P16"/>
    <mergeCell ref="Z16:AD16"/>
    <mergeCell ref="AJ16:AL16"/>
    <mergeCell ref="Z3:AD3"/>
    <mergeCell ref="AE3:AL3"/>
    <mergeCell ref="B5:AL5"/>
    <mergeCell ref="B7:J7"/>
    <mergeCell ref="B11:B21"/>
    <mergeCell ref="C19:K21"/>
    <mergeCell ref="L19:AL19"/>
    <mergeCell ref="L20:AL20"/>
    <mergeCell ref="L21:AL21"/>
    <mergeCell ref="C18:K18"/>
  </mergeCells>
  <phoneticPr fontId="1"/>
  <pageMargins left="0.39370078740157483" right="0" top="0.59055118110236227" bottom="0" header="0.51181102362204722" footer="0.51181102362204722"/>
  <pageSetup paperSize="9" scale="80" orientation="portrait" verticalDpi="300"/>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３</vt:lpstr>
      <vt:lpstr>備考（1－3）</vt:lpstr>
      <vt:lpstr>別紙●24</vt:lpstr>
      <vt:lpstr>'備考（1－3）'!Print_Area</vt:lpstr>
      <vt:lpstr>'別紙１－３'!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林 茉優花(kobayashi-mayuka.tl3)</dc:creator>
  <cp:lastModifiedBy>小倉　さやか</cp:lastModifiedBy>
  <cp:lastPrinted>2024-11-13T04:22:04Z</cp:lastPrinted>
  <dcterms:created xsi:type="dcterms:W3CDTF">2023-01-16T02:34:32Z</dcterms:created>
  <dcterms:modified xsi:type="dcterms:W3CDTF">2025-03-13T00:21:00Z</dcterms:modified>
</cp:coreProperties>
</file>